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s/slide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theme/theme2.xml" ContentType="application/vnd.openxmlformats-officedocument.theme+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3.xml" ContentType="application/vnd.openxmlformats-officedocument.theme+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4.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5.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6.xml" ContentType="application/vnd.openxmlformats-officedocument.theme+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heme/theme7.xml" ContentType="application/vnd.openxmlformats-officedocument.theme+xml"/>
  <Override PartName="/ppt/slideLayouts/slideLayout62.xml" ContentType="application/vnd.openxmlformats-officedocument.presentationml.slideLayout+xml"/>
  <Override PartName="/ppt/theme/theme8.xml" ContentType="application/vnd.openxmlformats-officedocument.theme+xml"/>
  <Override PartName="/ppt/slideLayouts/slideLayout63.xml" ContentType="application/vnd.openxmlformats-officedocument.presentationml.slideLayout+xml"/>
  <Override PartName="/ppt/theme/theme9.xml" ContentType="application/vnd.openxmlformats-officedocument.theme+xml"/>
  <Override PartName="/ppt/theme/theme10.xml" ContentType="application/vnd.openxmlformats-officedocument.theme+xml"/>
  <Override PartName="/ppt/theme/theme11.xml" ContentType="application/vnd.openxmlformats-officedocument.theme+xml"/>
  <Override PartName="/ppt/tags/tag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710" r:id="rId8"/>
    <p:sldMasterId id="2147483751" r:id="rId9"/>
    <p:sldMasterId id="2147483704" r:id="rId10"/>
    <p:sldMasterId id="2147483797" r:id="rId11"/>
    <p:sldMasterId id="2147483725" r:id="rId12"/>
    <p:sldMasterId id="2147483824" r:id="rId13"/>
    <p:sldMasterId id="2147483786" r:id="rId14"/>
    <p:sldMasterId id="2147483718" r:id="rId15"/>
    <p:sldMasterId id="2147483754" r:id="rId16"/>
  </p:sldMasterIdLst>
  <p:notesMasterIdLst>
    <p:notesMasterId r:id="rId18"/>
  </p:notesMasterIdLst>
  <p:handoutMasterIdLst>
    <p:handoutMasterId r:id="rId19"/>
  </p:handoutMasterIdLst>
  <p:sldIdLst>
    <p:sldId id="9370" r:id="rId17"/>
  </p:sldIdLst>
  <p:sldSz cx="12192000" cy="6858000"/>
  <p:notesSz cx="6858000" cy="9144000"/>
  <p:defaultTextStyle>
    <a:defPPr>
      <a:defRPr lang="es-MX"/>
    </a:defPPr>
    <a:lvl1pPr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1pPr>
    <a:lvl2pPr marL="4572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2pPr>
    <a:lvl3pPr marL="9144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3pPr>
    <a:lvl4pPr marL="13716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4pPr>
    <a:lvl5pPr marL="18288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5pPr>
    <a:lvl6pPr marL="2286000" algn="l" defTabSz="914400" rtl="0" eaLnBrk="1" latinLnBrk="0" hangingPunct="1">
      <a:defRPr kern="1200">
        <a:solidFill>
          <a:schemeClr val="tx1"/>
        </a:solidFill>
        <a:latin typeface="Calibri" panose="020F0502020204030204" pitchFamily="34" charset="0"/>
        <a:ea typeface="+mn-ea"/>
        <a:cs typeface="+mn-cs"/>
      </a:defRPr>
    </a:lvl6pPr>
    <a:lvl7pPr marL="2743200" algn="l" defTabSz="914400" rtl="0" eaLnBrk="1" latinLnBrk="0" hangingPunct="1">
      <a:defRPr kern="1200">
        <a:solidFill>
          <a:schemeClr val="tx1"/>
        </a:solidFill>
        <a:latin typeface="Calibri" panose="020F0502020204030204" pitchFamily="34" charset="0"/>
        <a:ea typeface="+mn-ea"/>
        <a:cs typeface="+mn-cs"/>
      </a:defRPr>
    </a:lvl7pPr>
    <a:lvl8pPr marL="3200400" algn="l" defTabSz="914400" rtl="0" eaLnBrk="1" latinLnBrk="0" hangingPunct="1">
      <a:defRPr kern="1200">
        <a:solidFill>
          <a:schemeClr val="tx1"/>
        </a:solidFill>
        <a:latin typeface="Calibri" panose="020F0502020204030204" pitchFamily="34" charset="0"/>
        <a:ea typeface="+mn-ea"/>
        <a:cs typeface="+mn-cs"/>
      </a:defRPr>
    </a:lvl8pPr>
    <a:lvl9pPr marL="3657600" algn="l" defTabSz="914400" rtl="0" eaLnBrk="1" latinLnBrk="0" hangingPunct="1">
      <a:defRPr kern="1200">
        <a:solidFill>
          <a:schemeClr val="tx1"/>
        </a:solidFill>
        <a:latin typeface="Calibri" panose="020F0502020204030204" pitchFamily="34" charset="0"/>
        <a:ea typeface="+mn-ea"/>
        <a:cs typeface="+mn-cs"/>
      </a:defRPr>
    </a:lvl9pPr>
  </p:defaultTextStyle>
  <p:extLst>
    <p:ext uri="{521415D9-36F7-43E2-AB2F-B90AF26B5E84}">
      <p14:sectionLst xmlns:p14="http://schemas.microsoft.com/office/powerpoint/2010/main">
        <p14:section name="Default Section" id="{0DA86C56-C2A1-2747-8C92-CEDF3707E8F9}">
          <p14:sldIdLst>
            <p14:sldId id="9370"/>
          </p14:sldIdLst>
        </p14:section>
        <p14:section name="Appendix" id="{FD4D982B-B59C-074D-9BAD-2BBE77804CF0}">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53C6A"/>
    <a:srgbClr val="FFFFFF"/>
    <a:srgbClr val="C5D429"/>
    <a:srgbClr val="0000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99E5FD7-541D-431B-9E6F-49F067BFBBFC}" v="128" dt="2024-04-16T17:38:34.269"/>
    <p1510:client id="{94F2CA04-ECA0-48C7-AD7B-52AE62977F4D}" v="26" dt="2024-04-18T11:53:47.919"/>
    <p1510:client id="{FF2C7F42-9945-42F8-B231-77CAA00B3CB6}" v="24" dt="2024-04-18T12:01:39.83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Master" Target="slideMasters/slideMaster6.xml"/><Relationship Id="rId18"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slideMaster" Target="slideMasters/slideMaster5.xml"/><Relationship Id="rId1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Master" Target="slideMasters/slideMaster9.xml"/><Relationship Id="rId20"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4.xml"/><Relationship Id="rId24" Type="http://schemas.microsoft.com/office/2015/10/relationships/revisionInfo" Target="revisionInfo.xml"/><Relationship Id="rId5" Type="http://schemas.openxmlformats.org/officeDocument/2006/relationships/customXml" Target="../customXml/item5.xml"/><Relationship Id="rId15" Type="http://schemas.openxmlformats.org/officeDocument/2006/relationships/slideMaster" Target="slideMasters/slideMaster8.xml"/><Relationship Id="rId23" Type="http://schemas.openxmlformats.org/officeDocument/2006/relationships/tableStyles" Target="tableStyles.xml"/><Relationship Id="rId10" Type="http://schemas.openxmlformats.org/officeDocument/2006/relationships/slideMaster" Target="slideMasters/slideMaster3.xml"/><Relationship Id="rId19" Type="http://schemas.openxmlformats.org/officeDocument/2006/relationships/handoutMaster" Target="handoutMasters/handoutMaster1.xml"/><Relationship Id="rId4" Type="http://schemas.openxmlformats.org/officeDocument/2006/relationships/customXml" Target="../customXml/item4.xml"/><Relationship Id="rId9" Type="http://schemas.openxmlformats.org/officeDocument/2006/relationships/slideMaster" Target="slideMasters/slideMaster2.xml"/><Relationship Id="rId14" Type="http://schemas.openxmlformats.org/officeDocument/2006/relationships/slideMaster" Target="slideMasters/slideMaster7.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1.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Marcador de encabezado 1">
            <a:extLst>
              <a:ext uri="{FF2B5EF4-FFF2-40B4-BE49-F238E27FC236}">
                <a16:creationId xmlns:a16="http://schemas.microsoft.com/office/drawing/2014/main" id="{99AEBC02-22E4-E549-8DFD-ABB006C8049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eaLnBrk="1" fontAlgn="auto" hangingPunct="1">
              <a:spcBef>
                <a:spcPts val="0"/>
              </a:spcBef>
              <a:spcAft>
                <a:spcPts val="0"/>
              </a:spcAft>
              <a:defRPr sz="1200">
                <a:latin typeface="+mn-lt"/>
              </a:defRPr>
            </a:lvl1pPr>
          </a:lstStyle>
          <a:p>
            <a:pPr>
              <a:defRPr/>
            </a:pPr>
            <a:endParaRPr lang="en-US"/>
          </a:p>
        </p:txBody>
      </p:sp>
      <p:sp>
        <p:nvSpPr>
          <p:cNvPr id="3" name="Marcador de fecha 2">
            <a:extLst>
              <a:ext uri="{FF2B5EF4-FFF2-40B4-BE49-F238E27FC236}">
                <a16:creationId xmlns:a16="http://schemas.microsoft.com/office/drawing/2014/main" id="{0C0FD2AF-CCCA-3240-BB65-614A6366E76A}"/>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eaLnBrk="1" fontAlgn="auto" hangingPunct="1">
              <a:spcBef>
                <a:spcPts val="0"/>
              </a:spcBef>
              <a:spcAft>
                <a:spcPts val="0"/>
              </a:spcAft>
              <a:defRPr sz="1200" smtClean="0">
                <a:latin typeface="+mn-lt"/>
              </a:defRPr>
            </a:lvl1pPr>
          </a:lstStyle>
          <a:p>
            <a:pPr>
              <a:defRPr/>
            </a:pPr>
            <a:fld id="{1E13CD6A-2768-A947-9D9C-C1012CFEE646}" type="datetimeFigureOut">
              <a:rPr lang="en-US"/>
              <a:pPr>
                <a:defRPr/>
              </a:pPr>
              <a:t>4/18/2024</a:t>
            </a:fld>
            <a:endParaRPr lang="en-US"/>
          </a:p>
        </p:txBody>
      </p:sp>
      <p:sp>
        <p:nvSpPr>
          <p:cNvPr id="4" name="Marcador de pie de página 3">
            <a:extLst>
              <a:ext uri="{FF2B5EF4-FFF2-40B4-BE49-F238E27FC236}">
                <a16:creationId xmlns:a16="http://schemas.microsoft.com/office/drawing/2014/main" id="{74B9978A-FDC2-F649-A34E-A97F78154E0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eaLnBrk="1" fontAlgn="auto" hangingPunct="1">
              <a:spcBef>
                <a:spcPts val="0"/>
              </a:spcBef>
              <a:spcAft>
                <a:spcPts val="0"/>
              </a:spcAft>
              <a:defRPr sz="1200">
                <a:latin typeface="+mn-lt"/>
              </a:defRPr>
            </a:lvl1pPr>
          </a:lstStyle>
          <a:p>
            <a:pPr>
              <a:defRPr/>
            </a:pPr>
            <a:endParaRPr lang="en-US"/>
          </a:p>
        </p:txBody>
      </p:sp>
      <p:sp>
        <p:nvSpPr>
          <p:cNvPr id="5" name="Marcador de número de diapositiva 4">
            <a:extLst>
              <a:ext uri="{FF2B5EF4-FFF2-40B4-BE49-F238E27FC236}">
                <a16:creationId xmlns:a16="http://schemas.microsoft.com/office/drawing/2014/main" id="{31561036-5EB4-1B4A-8E8F-5F73A014097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eaLnBrk="1" fontAlgn="auto" hangingPunct="1">
              <a:spcBef>
                <a:spcPts val="0"/>
              </a:spcBef>
              <a:spcAft>
                <a:spcPts val="0"/>
              </a:spcAft>
              <a:defRPr sz="1200" smtClean="0">
                <a:latin typeface="+mn-lt"/>
              </a:defRPr>
            </a:lvl1pPr>
          </a:lstStyle>
          <a:p>
            <a:pPr>
              <a:defRPr/>
            </a:pPr>
            <a:fld id="{AB1363D2-F50F-5840-BF6B-56E1CEFBCE55}" type="slidenum">
              <a:rPr lang="en-US"/>
              <a:pPr>
                <a:defRPr/>
              </a:pPr>
              <a:t>‹#›</a:t>
            </a:fld>
            <a:endParaRPr lang="en-US"/>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0.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746E79-B8C0-4849-80A6-8B966DF7A1B3}" type="datetimeFigureOut">
              <a:rPr lang="en-US" smtClean="0"/>
              <a:t>4/18/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E7CAB4C-6F1D-6245-B4E4-297180A33BE7}" type="slidenum">
              <a:rPr lang="en-US" smtClean="0"/>
              <a:t>‹#›</a:t>
            </a:fld>
            <a:endParaRPr lang="en-US"/>
          </a:p>
        </p:txBody>
      </p:sp>
    </p:spTree>
    <p:extLst>
      <p:ext uri="{BB962C8B-B14F-4D97-AF65-F5344CB8AC3E}">
        <p14:creationId xmlns:p14="http://schemas.microsoft.com/office/powerpoint/2010/main" val="75359046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830436B8-0FFA-0541-6FF5-23634BC6ABA2}"/>
              </a:ext>
            </a:extLst>
          </p:cNvPr>
          <p:cNvSpPr>
            <a:spLocks noGrp="1"/>
          </p:cNvSpPr>
          <p:nvPr>
            <p:ph type="sldNum" sz="quarter" idx="12"/>
          </p:nvPr>
        </p:nvSpPr>
        <p:spPr>
          <a:xfrm>
            <a:off x="8610600" y="6356350"/>
            <a:ext cx="2743200" cy="365125"/>
          </a:xfrm>
          <a:prstGeom prst="rect">
            <a:avLst/>
          </a:prstGeom>
        </p:spPr>
        <p:txBody>
          <a:bodyPr/>
          <a:lstStyle>
            <a:lvl1pPr algn="r">
              <a:defRPr>
                <a:solidFill>
                  <a:schemeClr val="bg2"/>
                </a:solidFill>
              </a:defRPr>
            </a:lvl1pPr>
          </a:lstStyle>
          <a:p>
            <a:fld id="{BD9C1109-873D-AC45-92C0-48ECE6FFA7DB}" type="slidenum">
              <a:rPr lang="en-US" smtClean="0"/>
              <a:pPr/>
              <a:t>‹#›</a:t>
            </a:fld>
            <a:endParaRPr lang="en-US"/>
          </a:p>
        </p:txBody>
      </p:sp>
      <p:sp>
        <p:nvSpPr>
          <p:cNvPr id="3" name="Title Placeholder 7">
            <a:extLst>
              <a:ext uri="{FF2B5EF4-FFF2-40B4-BE49-F238E27FC236}">
                <a16:creationId xmlns:a16="http://schemas.microsoft.com/office/drawing/2014/main" id="{A20112D3-C69E-622F-8C3C-274F8B033A50}"/>
              </a:ext>
            </a:extLst>
          </p:cNvPr>
          <p:cNvSpPr>
            <a:spLocks noGrp="1"/>
          </p:cNvSpPr>
          <p:nvPr>
            <p:ph type="title"/>
          </p:nvPr>
        </p:nvSpPr>
        <p:spPr>
          <a:xfrm>
            <a:off x="533400" y="1900618"/>
            <a:ext cx="10515600" cy="1325563"/>
          </a:xfrm>
          <a:prstGeom prst="rect">
            <a:avLst/>
          </a:prstGeom>
        </p:spPr>
        <p:txBody>
          <a:bodyPr vert="horz" lIns="0" tIns="0" rIns="0" bIns="0" rtlCol="0" anchor="b" anchorCtr="0">
            <a:noAutofit/>
          </a:bodyPr>
          <a:lstStyle>
            <a:lvl1pPr>
              <a:defRPr sz="3800"/>
            </a:lvl1pPr>
          </a:lstStyle>
          <a:p>
            <a:r>
              <a:rPr lang="en-US"/>
              <a:t>Click to edit Master title style</a:t>
            </a:r>
          </a:p>
        </p:txBody>
      </p:sp>
      <p:sp>
        <p:nvSpPr>
          <p:cNvPr id="5" name="Text Placeholder 2">
            <a:extLst>
              <a:ext uri="{FF2B5EF4-FFF2-40B4-BE49-F238E27FC236}">
                <a16:creationId xmlns:a16="http://schemas.microsoft.com/office/drawing/2014/main" id="{1EF3770B-B9AA-B1FF-9768-6D9BC36B5CD3}"/>
              </a:ext>
            </a:extLst>
          </p:cNvPr>
          <p:cNvSpPr>
            <a:spLocks noGrp="1"/>
          </p:cNvSpPr>
          <p:nvPr>
            <p:ph type="body" idx="1"/>
          </p:nvPr>
        </p:nvSpPr>
        <p:spPr>
          <a:xfrm>
            <a:off x="533400" y="3395272"/>
            <a:ext cx="9325529" cy="648325"/>
          </a:xfrm>
          <a:prstGeom prst="rect">
            <a:avLst/>
          </a:prstGeom>
        </p:spPr>
        <p:txBody>
          <a:bodyPr>
            <a:normAutofit/>
          </a:bodyPr>
          <a:lstStyle>
            <a:lvl1pPr marL="0" indent="0">
              <a:buNone/>
              <a:defRPr sz="2400">
                <a:solidFill>
                  <a:schemeClr val="accent1"/>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213747729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Slide Highligh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D05C63-F93C-565C-FB24-7FCFD49930D5}"/>
              </a:ext>
            </a:extLst>
          </p:cNvPr>
          <p:cNvSpPr>
            <a:spLocks noGrp="1"/>
          </p:cNvSpPr>
          <p:nvPr>
            <p:ph type="title"/>
          </p:nvPr>
        </p:nvSpPr>
        <p:spPr/>
        <p:txBody>
          <a:bodyPr/>
          <a:lstStyle/>
          <a:p>
            <a:r>
              <a:rPr lang="en-US"/>
              <a:t>Click to edit Master title style</a:t>
            </a:r>
            <a:endParaRPr lang="en-MX"/>
          </a:p>
        </p:txBody>
      </p:sp>
      <p:sp>
        <p:nvSpPr>
          <p:cNvPr id="3" name="Content Placeholder 8">
            <a:extLst>
              <a:ext uri="{FF2B5EF4-FFF2-40B4-BE49-F238E27FC236}">
                <a16:creationId xmlns:a16="http://schemas.microsoft.com/office/drawing/2014/main" id="{6390C3C5-3608-27E1-DC6D-49349C287250}"/>
              </a:ext>
            </a:extLst>
          </p:cNvPr>
          <p:cNvSpPr>
            <a:spLocks noGrp="1"/>
          </p:cNvSpPr>
          <p:nvPr>
            <p:ph sz="quarter" idx="11" hasCustomPrompt="1"/>
          </p:nvPr>
        </p:nvSpPr>
        <p:spPr>
          <a:xfrm>
            <a:off x="4353050"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4" name="Content Placeholder 8">
            <a:extLst>
              <a:ext uri="{FF2B5EF4-FFF2-40B4-BE49-F238E27FC236}">
                <a16:creationId xmlns:a16="http://schemas.microsoft.com/office/drawing/2014/main" id="{12993802-6B68-FFBF-0DD8-9326ADC8015F}"/>
              </a:ext>
            </a:extLst>
          </p:cNvPr>
          <p:cNvSpPr>
            <a:spLocks noGrp="1"/>
          </p:cNvSpPr>
          <p:nvPr>
            <p:ph sz="quarter" idx="12" hasCustomPrompt="1"/>
          </p:nvPr>
        </p:nvSpPr>
        <p:spPr>
          <a:xfrm>
            <a:off x="8239136"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5" name="Picture Placeholder 20">
            <a:extLst>
              <a:ext uri="{FF2B5EF4-FFF2-40B4-BE49-F238E27FC236}">
                <a16:creationId xmlns:a16="http://schemas.microsoft.com/office/drawing/2014/main" id="{513D6F13-BD71-95EC-5E66-5B06B51230EE}"/>
              </a:ext>
            </a:extLst>
          </p:cNvPr>
          <p:cNvSpPr>
            <a:spLocks noGrp="1"/>
          </p:cNvSpPr>
          <p:nvPr>
            <p:ph type="pic" sz="quarter" idx="13"/>
          </p:nvPr>
        </p:nvSpPr>
        <p:spPr>
          <a:xfrm>
            <a:off x="1310728" y="2133107"/>
            <a:ext cx="1804013" cy="1810400"/>
          </a:xfrm>
          <a:prstGeom prst="ellipse">
            <a:avLst/>
          </a:prstGeom>
          <a:solidFill>
            <a:schemeClr val="bg2"/>
          </a:solidFill>
        </p:spPr>
        <p:txBody>
          <a:bodyPr/>
          <a:lstStyle/>
          <a:p>
            <a:endParaRPr lang="en-MX"/>
          </a:p>
        </p:txBody>
      </p:sp>
      <p:sp>
        <p:nvSpPr>
          <p:cNvPr id="6" name="Picture Placeholder 20">
            <a:extLst>
              <a:ext uri="{FF2B5EF4-FFF2-40B4-BE49-F238E27FC236}">
                <a16:creationId xmlns:a16="http://schemas.microsoft.com/office/drawing/2014/main" id="{18745600-68AD-847C-4562-F3277C0AD81E}"/>
              </a:ext>
            </a:extLst>
          </p:cNvPr>
          <p:cNvSpPr>
            <a:spLocks noGrp="1"/>
          </p:cNvSpPr>
          <p:nvPr>
            <p:ph type="pic" sz="quarter" idx="14"/>
          </p:nvPr>
        </p:nvSpPr>
        <p:spPr>
          <a:xfrm>
            <a:off x="5218980" y="2133107"/>
            <a:ext cx="1804013" cy="1810400"/>
          </a:xfrm>
          <a:prstGeom prst="ellipse">
            <a:avLst/>
          </a:prstGeom>
          <a:solidFill>
            <a:schemeClr val="bg2"/>
          </a:solidFill>
        </p:spPr>
        <p:txBody>
          <a:bodyPr/>
          <a:lstStyle/>
          <a:p>
            <a:endParaRPr lang="en-MX"/>
          </a:p>
        </p:txBody>
      </p:sp>
      <p:sp>
        <p:nvSpPr>
          <p:cNvPr id="7" name="Picture Placeholder 20">
            <a:extLst>
              <a:ext uri="{FF2B5EF4-FFF2-40B4-BE49-F238E27FC236}">
                <a16:creationId xmlns:a16="http://schemas.microsoft.com/office/drawing/2014/main" id="{534BA30E-91D6-C153-5C0E-B9363C872787}"/>
              </a:ext>
            </a:extLst>
          </p:cNvPr>
          <p:cNvSpPr>
            <a:spLocks noGrp="1"/>
          </p:cNvSpPr>
          <p:nvPr>
            <p:ph type="pic" sz="quarter" idx="15"/>
          </p:nvPr>
        </p:nvSpPr>
        <p:spPr>
          <a:xfrm>
            <a:off x="9077259" y="2133107"/>
            <a:ext cx="1804013" cy="1810400"/>
          </a:xfrm>
          <a:prstGeom prst="ellipse">
            <a:avLst/>
          </a:prstGeom>
          <a:solidFill>
            <a:schemeClr val="bg2"/>
          </a:solidFill>
        </p:spPr>
        <p:txBody>
          <a:bodyPr/>
          <a:lstStyle/>
          <a:p>
            <a:endParaRPr lang="en-MX"/>
          </a:p>
        </p:txBody>
      </p:sp>
      <p:sp>
        <p:nvSpPr>
          <p:cNvPr id="8" name="Content Placeholder 8">
            <a:extLst>
              <a:ext uri="{FF2B5EF4-FFF2-40B4-BE49-F238E27FC236}">
                <a16:creationId xmlns:a16="http://schemas.microsoft.com/office/drawing/2014/main" id="{650F96EB-05F8-7FEA-1144-950C71CA8A89}"/>
              </a:ext>
            </a:extLst>
          </p:cNvPr>
          <p:cNvSpPr>
            <a:spLocks noGrp="1"/>
          </p:cNvSpPr>
          <p:nvPr>
            <p:ph sz="quarter" idx="17" hasCustomPrompt="1"/>
          </p:nvPr>
        </p:nvSpPr>
        <p:spPr>
          <a:xfrm>
            <a:off x="625767"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9" name="Text Placeholder 30">
            <a:extLst>
              <a:ext uri="{FF2B5EF4-FFF2-40B4-BE49-F238E27FC236}">
                <a16:creationId xmlns:a16="http://schemas.microsoft.com/office/drawing/2014/main" id="{6C77A44B-6EE4-2BDF-EFE1-791FE11B8C8D}"/>
              </a:ext>
            </a:extLst>
          </p:cNvPr>
          <p:cNvSpPr>
            <a:spLocks noGrp="1"/>
          </p:cNvSpPr>
          <p:nvPr>
            <p:ph type="body" sz="quarter" idx="20" hasCustomPrompt="1"/>
          </p:nvPr>
        </p:nvSpPr>
        <p:spPr>
          <a:xfrm>
            <a:off x="619125"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0" name="Text Placeholder 30">
            <a:extLst>
              <a:ext uri="{FF2B5EF4-FFF2-40B4-BE49-F238E27FC236}">
                <a16:creationId xmlns:a16="http://schemas.microsoft.com/office/drawing/2014/main" id="{77158838-87CA-F133-A1CE-766B66E9EB61}"/>
              </a:ext>
            </a:extLst>
          </p:cNvPr>
          <p:cNvSpPr>
            <a:spLocks noGrp="1"/>
          </p:cNvSpPr>
          <p:nvPr>
            <p:ph type="body" sz="quarter" idx="21" hasCustomPrompt="1"/>
          </p:nvPr>
        </p:nvSpPr>
        <p:spPr>
          <a:xfrm>
            <a:off x="4351676"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1" name="Text Placeholder 30">
            <a:extLst>
              <a:ext uri="{FF2B5EF4-FFF2-40B4-BE49-F238E27FC236}">
                <a16:creationId xmlns:a16="http://schemas.microsoft.com/office/drawing/2014/main" id="{20FDB343-E63F-91A8-61AF-CCB813AA3E00}"/>
              </a:ext>
            </a:extLst>
          </p:cNvPr>
          <p:cNvSpPr>
            <a:spLocks noGrp="1"/>
          </p:cNvSpPr>
          <p:nvPr>
            <p:ph type="body" sz="quarter" idx="22" hasCustomPrompt="1"/>
          </p:nvPr>
        </p:nvSpPr>
        <p:spPr>
          <a:xfrm>
            <a:off x="8219138"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2" name="Text Placeholder 17">
            <a:extLst>
              <a:ext uri="{FF2B5EF4-FFF2-40B4-BE49-F238E27FC236}">
                <a16:creationId xmlns:a16="http://schemas.microsoft.com/office/drawing/2014/main" id="{1A74A0CA-0ADF-183B-1073-D42518B41309}"/>
              </a:ext>
            </a:extLst>
          </p:cNvPr>
          <p:cNvSpPr>
            <a:spLocks noGrp="1"/>
          </p:cNvSpPr>
          <p:nvPr>
            <p:ph type="body" sz="quarter" idx="2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40509690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xt Slide Overview">
    <p:bg>
      <p:bgPr>
        <a:solidFill>
          <a:srgbClr val="FFFFFF"/>
        </a:solidFill>
        <a:effectLst/>
      </p:bgPr>
    </p:bg>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B16AC497-D3D9-EA46-3EC2-1C10E0223C39}"/>
              </a:ext>
            </a:extLst>
          </p:cNvPr>
          <p:cNvSpPr>
            <a:spLocks noGrp="1"/>
          </p:cNvSpPr>
          <p:nvPr>
            <p:ph type="body" sz="quarter" idx="13" hasCustomPrompt="1"/>
          </p:nvPr>
        </p:nvSpPr>
        <p:spPr>
          <a:xfrm>
            <a:off x="533400" y="1562100"/>
            <a:ext cx="2268794" cy="2097336"/>
          </a:xfrm>
          <a:solidFill>
            <a:schemeClr val="bg1"/>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9" name="Text Placeholder 8">
            <a:extLst>
              <a:ext uri="{FF2B5EF4-FFF2-40B4-BE49-F238E27FC236}">
                <a16:creationId xmlns:a16="http://schemas.microsoft.com/office/drawing/2014/main" id="{804F8343-FD5B-5ECC-6538-43FFC0D455FB}"/>
              </a:ext>
            </a:extLst>
          </p:cNvPr>
          <p:cNvSpPr>
            <a:spLocks noGrp="1"/>
          </p:cNvSpPr>
          <p:nvPr>
            <p:ph type="body" sz="quarter" idx="14"/>
          </p:nvPr>
        </p:nvSpPr>
        <p:spPr>
          <a:xfrm>
            <a:off x="2986548" y="1562100"/>
            <a:ext cx="8786352" cy="2097336"/>
          </a:xfrm>
          <a:solidFill>
            <a:schemeClr val="bg1"/>
          </a:solidFill>
        </p:spPr>
        <p:txBody>
          <a:bodyPr lIns="182880" tIns="182880" rIns="182880"/>
          <a:lstStyle>
            <a:lvl1pPr>
              <a:defRPr sz="1600" b="0" i="0">
                <a:latin typeface="Nunito" pitchFamily="2" charset="77"/>
              </a:defRPr>
            </a:lvl1pPr>
          </a:lstStyle>
          <a:p>
            <a:endParaRPr lang="en-US"/>
          </a:p>
        </p:txBody>
      </p:sp>
      <p:sp>
        <p:nvSpPr>
          <p:cNvPr id="10" name="Text Placeholder 9">
            <a:extLst>
              <a:ext uri="{FF2B5EF4-FFF2-40B4-BE49-F238E27FC236}">
                <a16:creationId xmlns:a16="http://schemas.microsoft.com/office/drawing/2014/main" id="{9A076040-2B14-6867-2582-925D4093D4EC}"/>
              </a:ext>
            </a:extLst>
          </p:cNvPr>
          <p:cNvSpPr>
            <a:spLocks noGrp="1"/>
          </p:cNvSpPr>
          <p:nvPr>
            <p:ph type="body" sz="quarter" idx="15" hasCustomPrompt="1"/>
          </p:nvPr>
        </p:nvSpPr>
        <p:spPr>
          <a:xfrm>
            <a:off x="533400" y="3814097"/>
            <a:ext cx="2268794" cy="2013214"/>
          </a:xfrm>
          <a:solidFill>
            <a:schemeClr val="bg1"/>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11" name="Text Placeholder 10">
            <a:extLst>
              <a:ext uri="{FF2B5EF4-FFF2-40B4-BE49-F238E27FC236}">
                <a16:creationId xmlns:a16="http://schemas.microsoft.com/office/drawing/2014/main" id="{CF03ED5B-739A-2DF8-29DC-4C74436CE2FF}"/>
              </a:ext>
            </a:extLst>
          </p:cNvPr>
          <p:cNvSpPr>
            <a:spLocks noGrp="1"/>
          </p:cNvSpPr>
          <p:nvPr>
            <p:ph type="body" sz="quarter" idx="16"/>
          </p:nvPr>
        </p:nvSpPr>
        <p:spPr>
          <a:xfrm>
            <a:off x="2986548" y="3814097"/>
            <a:ext cx="8786352" cy="2013214"/>
          </a:xfrm>
          <a:solidFill>
            <a:schemeClr val="bg1"/>
          </a:solidFill>
        </p:spPr>
        <p:txBody>
          <a:bodyPr lIns="182880" tIns="182880" rIns="182880"/>
          <a:lstStyle>
            <a:lvl1pPr>
              <a:defRPr sz="1600" b="0" i="0">
                <a:latin typeface="Nunito" pitchFamily="2" charset="77"/>
              </a:defRPr>
            </a:lvl1pPr>
          </a:lstStyle>
          <a:p>
            <a:endParaRPr lang="en-US"/>
          </a:p>
        </p:txBody>
      </p:sp>
      <p:sp>
        <p:nvSpPr>
          <p:cNvPr id="13" name="Title Placeholder 1">
            <a:extLst>
              <a:ext uri="{FF2B5EF4-FFF2-40B4-BE49-F238E27FC236}">
                <a16:creationId xmlns:a16="http://schemas.microsoft.com/office/drawing/2014/main" id="{80667A05-2419-A690-FB65-E953B589DDB2}"/>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2" name="Text Placeholder 17">
            <a:extLst>
              <a:ext uri="{FF2B5EF4-FFF2-40B4-BE49-F238E27FC236}">
                <a16:creationId xmlns:a16="http://schemas.microsoft.com/office/drawing/2014/main" id="{ECE454D4-02F0-FDEA-4AE4-9A5BA0BB58E2}"/>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243610677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Picture Slide 1">
    <p:spTree>
      <p:nvGrpSpPr>
        <p:cNvPr id="1" name=""/>
        <p:cNvGrpSpPr/>
        <p:nvPr/>
      </p:nvGrpSpPr>
      <p:grpSpPr>
        <a:xfrm>
          <a:off x="0" y="0"/>
          <a:ext cx="0" cy="0"/>
          <a:chOff x="0" y="0"/>
          <a:chExt cx="0" cy="0"/>
        </a:xfrm>
      </p:grpSpPr>
      <p:sp>
        <p:nvSpPr>
          <p:cNvPr id="8" name="Freeform 7">
            <a:extLst>
              <a:ext uri="{FF2B5EF4-FFF2-40B4-BE49-F238E27FC236}">
                <a16:creationId xmlns:a16="http://schemas.microsoft.com/office/drawing/2014/main" id="{AD841A23-9B60-151D-F4A9-D332EC406734}"/>
              </a:ext>
            </a:extLst>
          </p:cNvPr>
          <p:cNvSpPr/>
          <p:nvPr/>
        </p:nvSpPr>
        <p:spPr>
          <a:xfrm rot="5400000">
            <a:off x="5124700" y="-206656"/>
            <a:ext cx="1939957" cy="12189356"/>
          </a:xfrm>
          <a:custGeom>
            <a:avLst/>
            <a:gdLst>
              <a:gd name="connsiteX0" fmla="*/ 0 w 1939957"/>
              <a:gd name="connsiteY0" fmla="*/ 12189356 h 12189356"/>
              <a:gd name="connsiteX1" fmla="*/ 135624 w 1939957"/>
              <a:gd name="connsiteY1" fmla="*/ 11668883 h 12189356"/>
              <a:gd name="connsiteX2" fmla="*/ 594868 w 1939957"/>
              <a:gd name="connsiteY2" fmla="*/ 0 h 12189356"/>
              <a:gd name="connsiteX3" fmla="*/ 1939957 w 1939957"/>
              <a:gd name="connsiteY3" fmla="*/ 0 h 12189356"/>
              <a:gd name="connsiteX4" fmla="*/ 1939957 w 1939957"/>
              <a:gd name="connsiteY4" fmla="*/ 12189356 h 121893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39957" h="12189356">
                <a:moveTo>
                  <a:pt x="0" y="12189356"/>
                </a:moveTo>
                <a:lnTo>
                  <a:pt x="135624" y="11668883"/>
                </a:lnTo>
                <a:cubicBezTo>
                  <a:pt x="1468267" y="6309610"/>
                  <a:pt x="697612" y="1565973"/>
                  <a:pt x="594868" y="0"/>
                </a:cubicBezTo>
                <a:lnTo>
                  <a:pt x="1939957" y="0"/>
                </a:lnTo>
                <a:lnTo>
                  <a:pt x="1939957" y="12189356"/>
                </a:lnTo>
                <a:close/>
              </a:path>
            </a:pathLst>
          </a:custGeom>
          <a:solidFill>
            <a:schemeClr val="tx1"/>
          </a:solidFill>
          <a:ln w="2346" cap="flat">
            <a:noFill/>
            <a:prstDash val="solid"/>
            <a:miter/>
          </a:ln>
        </p:spPr>
        <p:txBody>
          <a:bodyPr rtlCol="0" anchor="ctr"/>
          <a:lstStyle/>
          <a:p>
            <a:endParaRPr lang="en-MX"/>
          </a:p>
        </p:txBody>
      </p:sp>
      <p:sp>
        <p:nvSpPr>
          <p:cNvPr id="15" name="Picture Placeholder 14">
            <a:extLst>
              <a:ext uri="{FF2B5EF4-FFF2-40B4-BE49-F238E27FC236}">
                <a16:creationId xmlns:a16="http://schemas.microsoft.com/office/drawing/2014/main" id="{BDA852A2-3BCB-F3AF-CEB5-3325F5F66C91}"/>
              </a:ext>
            </a:extLst>
          </p:cNvPr>
          <p:cNvSpPr>
            <a:spLocks noGrp="1"/>
          </p:cNvSpPr>
          <p:nvPr>
            <p:ph type="pic" sz="quarter" idx="11"/>
          </p:nvPr>
        </p:nvSpPr>
        <p:spPr bwMode="auto">
          <a:xfrm>
            <a:off x="-1" y="-7464"/>
            <a:ext cx="12192001" cy="5857211"/>
          </a:xfrm>
          <a:custGeom>
            <a:avLst/>
            <a:gdLst>
              <a:gd name="connsiteX0" fmla="*/ 0 w 12192000"/>
              <a:gd name="connsiteY0" fmla="*/ 0 h 5888038"/>
              <a:gd name="connsiteX1" fmla="*/ 12192000 w 12192000"/>
              <a:gd name="connsiteY1" fmla="*/ 0 h 5888038"/>
              <a:gd name="connsiteX2" fmla="*/ 12192000 w 12192000"/>
              <a:gd name="connsiteY2" fmla="*/ 5888038 h 5888038"/>
              <a:gd name="connsiteX3" fmla="*/ 0 w 12192000"/>
              <a:gd name="connsiteY3" fmla="*/ 5888038 h 5888038"/>
              <a:gd name="connsiteX4" fmla="*/ 0 w 12192000"/>
              <a:gd name="connsiteY4" fmla="*/ 0 h 5888038"/>
              <a:gd name="connsiteX0" fmla="*/ 17584 w 12209584"/>
              <a:gd name="connsiteY0" fmla="*/ 0 h 5888038"/>
              <a:gd name="connsiteX1" fmla="*/ 12209584 w 12209584"/>
              <a:gd name="connsiteY1" fmla="*/ 0 h 5888038"/>
              <a:gd name="connsiteX2" fmla="*/ 12209584 w 12209584"/>
              <a:gd name="connsiteY2" fmla="*/ 5888038 h 5888038"/>
              <a:gd name="connsiteX3" fmla="*/ 0 w 12209584"/>
              <a:gd name="connsiteY3" fmla="*/ 4938469 h 5888038"/>
              <a:gd name="connsiteX4" fmla="*/ 17584 w 12209584"/>
              <a:gd name="connsiteY4" fmla="*/ 0 h 5888038"/>
              <a:gd name="connsiteX0" fmla="*/ 17584 w 12209584"/>
              <a:gd name="connsiteY0" fmla="*/ 0 h 5888038"/>
              <a:gd name="connsiteX1" fmla="*/ 12209584 w 12209584"/>
              <a:gd name="connsiteY1" fmla="*/ 0 h 5888038"/>
              <a:gd name="connsiteX2" fmla="*/ 12209584 w 12209584"/>
              <a:gd name="connsiteY2" fmla="*/ 5888038 h 5888038"/>
              <a:gd name="connsiteX3" fmla="*/ 0 w 12209584"/>
              <a:gd name="connsiteY3" fmla="*/ 4938469 h 5888038"/>
              <a:gd name="connsiteX4" fmla="*/ 17584 w 12209584"/>
              <a:gd name="connsiteY4" fmla="*/ 0 h 5888038"/>
              <a:gd name="connsiteX0" fmla="*/ 17584 w 12227169"/>
              <a:gd name="connsiteY0" fmla="*/ 0 h 5621628"/>
              <a:gd name="connsiteX1" fmla="*/ 12209584 w 12227169"/>
              <a:gd name="connsiteY1" fmla="*/ 0 h 5621628"/>
              <a:gd name="connsiteX2" fmla="*/ 12227169 w 12227169"/>
              <a:gd name="connsiteY2" fmla="*/ 5518761 h 5621628"/>
              <a:gd name="connsiteX3" fmla="*/ 0 w 12227169"/>
              <a:gd name="connsiteY3" fmla="*/ 4938469 h 5621628"/>
              <a:gd name="connsiteX4" fmla="*/ 17584 w 12227169"/>
              <a:gd name="connsiteY4" fmla="*/ 0 h 5621628"/>
              <a:gd name="connsiteX0" fmla="*/ 17584 w 12227169"/>
              <a:gd name="connsiteY0" fmla="*/ 0 h 5829592"/>
              <a:gd name="connsiteX1" fmla="*/ 12209584 w 12227169"/>
              <a:gd name="connsiteY1" fmla="*/ 0 h 5829592"/>
              <a:gd name="connsiteX2" fmla="*/ 12227169 w 12227169"/>
              <a:gd name="connsiteY2" fmla="*/ 5518761 h 5829592"/>
              <a:gd name="connsiteX3" fmla="*/ 0 w 12227169"/>
              <a:gd name="connsiteY3" fmla="*/ 4938469 h 5829592"/>
              <a:gd name="connsiteX4" fmla="*/ 17584 w 12227169"/>
              <a:gd name="connsiteY4" fmla="*/ 0 h 5829592"/>
              <a:gd name="connsiteX0" fmla="*/ 17584 w 12227169"/>
              <a:gd name="connsiteY0" fmla="*/ 0 h 5857211"/>
              <a:gd name="connsiteX1" fmla="*/ 12209584 w 12227169"/>
              <a:gd name="connsiteY1" fmla="*/ 0 h 5857211"/>
              <a:gd name="connsiteX2" fmla="*/ 12227169 w 12227169"/>
              <a:gd name="connsiteY2" fmla="*/ 5518761 h 5857211"/>
              <a:gd name="connsiteX3" fmla="*/ 0 w 12227169"/>
              <a:gd name="connsiteY3" fmla="*/ 4938469 h 5857211"/>
              <a:gd name="connsiteX4" fmla="*/ 17584 w 12227169"/>
              <a:gd name="connsiteY4" fmla="*/ 0 h 58572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27169" h="5857211">
                <a:moveTo>
                  <a:pt x="17584" y="0"/>
                </a:moveTo>
                <a:lnTo>
                  <a:pt x="12209584" y="0"/>
                </a:lnTo>
                <a:cubicBezTo>
                  <a:pt x="12215446" y="1839587"/>
                  <a:pt x="12221307" y="3679174"/>
                  <a:pt x="12227169" y="5518761"/>
                </a:cubicBezTo>
                <a:cubicBezTo>
                  <a:pt x="8544169" y="5870454"/>
                  <a:pt x="5142522" y="6257315"/>
                  <a:pt x="0" y="4938469"/>
                </a:cubicBezTo>
                <a:cubicBezTo>
                  <a:pt x="5861" y="3292313"/>
                  <a:pt x="11723" y="1646156"/>
                  <a:pt x="17584" y="0"/>
                </a:cubicBez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MX"/>
          </a:p>
        </p:txBody>
      </p:sp>
      <p:sp>
        <p:nvSpPr>
          <p:cNvPr id="9" name="Title 1">
            <a:extLst>
              <a:ext uri="{FF2B5EF4-FFF2-40B4-BE49-F238E27FC236}">
                <a16:creationId xmlns:a16="http://schemas.microsoft.com/office/drawing/2014/main" id="{F9E954F0-0805-72BD-BB38-77595683C116}"/>
              </a:ext>
            </a:extLst>
          </p:cNvPr>
          <p:cNvSpPr>
            <a:spLocks noGrp="1"/>
          </p:cNvSpPr>
          <p:nvPr>
            <p:ph type="title"/>
          </p:nvPr>
        </p:nvSpPr>
        <p:spPr>
          <a:xfrm>
            <a:off x="1347451" y="2264878"/>
            <a:ext cx="8770909" cy="1659901"/>
          </a:xfrm>
        </p:spPr>
        <p:txBody>
          <a:bodyPr anchor="ctr"/>
          <a:lstStyle>
            <a:lvl1pPr algn="l" rtl="0" eaLnBrk="0" fontAlgn="base" hangingPunct="0">
              <a:spcBef>
                <a:spcPct val="0"/>
              </a:spcBef>
              <a:spcAft>
                <a:spcPct val="0"/>
              </a:spcAft>
              <a:defRPr lang="en-MX" sz="6800" kern="1200" dirty="0">
                <a:solidFill>
                  <a:schemeClr val="bg1"/>
                </a:solidFill>
                <a:latin typeface="Lora Medium" pitchFamily="2" charset="77"/>
                <a:ea typeface="+mn-ea"/>
                <a:cs typeface="+mn-cs"/>
              </a:defRPr>
            </a:lvl1pPr>
          </a:lstStyle>
          <a:p>
            <a:r>
              <a:rPr lang="en-US"/>
              <a:t>Click to edit Master title style</a:t>
            </a:r>
            <a:endParaRPr lang="en-MX"/>
          </a:p>
        </p:txBody>
      </p:sp>
      <p:pic>
        <p:nvPicPr>
          <p:cNvPr id="3" name="Graphic 7">
            <a:extLst>
              <a:ext uri="{FF2B5EF4-FFF2-40B4-BE49-F238E27FC236}">
                <a16:creationId xmlns:a16="http://schemas.microsoft.com/office/drawing/2014/main" id="{60048F46-BF52-5202-264D-D13EF8A53149}"/>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206996349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xt Slide - Pictur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FA8595-C3DF-AAAC-7857-4B15322A5CCC}"/>
              </a:ext>
            </a:extLst>
          </p:cNvPr>
          <p:cNvSpPr>
            <a:spLocks noGrp="1"/>
          </p:cNvSpPr>
          <p:nvPr>
            <p:ph type="title" hasCustomPrompt="1"/>
          </p:nvPr>
        </p:nvSpPr>
        <p:spPr>
          <a:xfrm>
            <a:off x="545276" y="833695"/>
            <a:ext cx="4930238" cy="737359"/>
          </a:xfrm>
        </p:spPr>
        <p:txBody>
          <a:bodyPr/>
          <a:lstStyle/>
          <a:p>
            <a:r>
              <a:rPr lang="en-US"/>
              <a:t>Click to edit Master</a:t>
            </a:r>
            <a:br>
              <a:rPr lang="en-US"/>
            </a:br>
            <a:r>
              <a:rPr lang="en-US"/>
              <a:t>title style</a:t>
            </a:r>
            <a:endParaRPr lang="en-MX"/>
          </a:p>
        </p:txBody>
      </p:sp>
      <p:sp>
        <p:nvSpPr>
          <p:cNvPr id="5" name="Content Placeholder 8">
            <a:extLst>
              <a:ext uri="{FF2B5EF4-FFF2-40B4-BE49-F238E27FC236}">
                <a16:creationId xmlns:a16="http://schemas.microsoft.com/office/drawing/2014/main" id="{F28B174A-B173-E1B4-521A-23A2954D986E}"/>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E866A715-22F0-5DA5-FFB0-F568ABEE91AE}"/>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83BC766C-6823-D42F-337E-A5898C837CD7}"/>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4" name="Picture Placeholder 25">
            <a:extLst>
              <a:ext uri="{FF2B5EF4-FFF2-40B4-BE49-F238E27FC236}">
                <a16:creationId xmlns:a16="http://schemas.microsoft.com/office/drawing/2014/main" id="{DBBFCFFA-FE0C-B061-1252-51B81ABE54CA}"/>
              </a:ext>
            </a:extLst>
          </p:cNvPr>
          <p:cNvSpPr>
            <a:spLocks noGrp="1"/>
          </p:cNvSpPr>
          <p:nvPr>
            <p:ph type="pic" sz="quarter" idx="11" hasCustomPrompt="1"/>
          </p:nvPr>
        </p:nvSpPr>
        <p:spPr bwMode="auto">
          <a:xfrm>
            <a:off x="5480626" y="-10452"/>
            <a:ext cx="6735132" cy="6000315"/>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841527 w 5717615"/>
              <a:gd name="connsiteY0" fmla="*/ 0 h 6891678"/>
              <a:gd name="connsiteX1" fmla="*/ 5716935 w 5717615"/>
              <a:gd name="connsiteY1" fmla="*/ 7150 h 6891678"/>
              <a:gd name="connsiteX2" fmla="*/ 5700012 w 5717615"/>
              <a:gd name="connsiteY2" fmla="*/ 6891678 h 6891678"/>
              <a:gd name="connsiteX3" fmla="*/ 363243 w 5717615"/>
              <a:gd name="connsiteY3" fmla="*/ 6888011 h 6891678"/>
              <a:gd name="connsiteX4" fmla="*/ 841527 w 5717615"/>
              <a:gd name="connsiteY4" fmla="*/ 0 h 689167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17615" h="6891678">
                <a:moveTo>
                  <a:pt x="841527" y="0"/>
                </a:moveTo>
                <a:lnTo>
                  <a:pt x="5716935" y="7150"/>
                </a:lnTo>
                <a:cubicBezTo>
                  <a:pt x="5722948" y="49091"/>
                  <a:pt x="5686763" y="6886972"/>
                  <a:pt x="5700012" y="6891678"/>
                </a:cubicBezTo>
                <a:lnTo>
                  <a:pt x="363243" y="6888011"/>
                </a:lnTo>
                <a:cubicBezTo>
                  <a:pt x="-301484" y="3874568"/>
                  <a:pt x="-2164" y="1490537"/>
                  <a:pt x="841527" y="0"/>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262221195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Slide - Pictur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DD2B6C-7033-15A9-BEDF-CD9F6CD6F16B}"/>
              </a:ext>
            </a:extLst>
          </p:cNvPr>
          <p:cNvSpPr>
            <a:spLocks noGrp="1"/>
          </p:cNvSpPr>
          <p:nvPr>
            <p:ph type="title"/>
          </p:nvPr>
        </p:nvSpPr>
        <p:spPr>
          <a:xfrm>
            <a:off x="545276" y="833695"/>
            <a:ext cx="5990436"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AA060114-9B09-670F-EBCE-F8EC1A8DB9D3}"/>
              </a:ext>
            </a:extLst>
          </p:cNvPr>
          <p:cNvSpPr>
            <a:spLocks noGrp="1"/>
          </p:cNvSpPr>
          <p:nvPr>
            <p:ph sz="quarter" idx="10" hasCustomPrompt="1"/>
          </p:nvPr>
        </p:nvSpPr>
        <p:spPr>
          <a:xfrm>
            <a:off x="545275" y="2333042"/>
            <a:ext cx="5990436"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ED9709A4-8BD7-77DC-8D9F-8BF70E5A2803}"/>
              </a:ext>
            </a:extLst>
          </p:cNvPr>
          <p:cNvSpPr>
            <a:spLocks noGrp="1"/>
          </p:cNvSpPr>
          <p:nvPr>
            <p:ph type="body" sz="quarter" idx="12"/>
          </p:nvPr>
        </p:nvSpPr>
        <p:spPr>
          <a:xfrm>
            <a:off x="545275" y="1823776"/>
            <a:ext cx="5990436"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79CCDA8C-5425-1F44-8E3B-96EA30B38106}"/>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3" name="Picture Placeholder 25">
            <a:extLst>
              <a:ext uri="{FF2B5EF4-FFF2-40B4-BE49-F238E27FC236}">
                <a16:creationId xmlns:a16="http://schemas.microsoft.com/office/drawing/2014/main" id="{46C729E4-DEE0-2BB2-FED3-28DDBB052364}"/>
              </a:ext>
            </a:extLst>
          </p:cNvPr>
          <p:cNvSpPr>
            <a:spLocks noGrp="1"/>
          </p:cNvSpPr>
          <p:nvPr>
            <p:ph type="pic" sz="quarter" idx="18" hasCustomPrompt="1"/>
          </p:nvPr>
        </p:nvSpPr>
        <p:spPr bwMode="auto">
          <a:xfrm>
            <a:off x="7034021" y="-4226"/>
            <a:ext cx="5161220" cy="6000146"/>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1069131 w 5637143"/>
              <a:gd name="connsiteY0" fmla="*/ 1672 h 6884528"/>
              <a:gd name="connsiteX1" fmla="*/ 5636463 w 5637143"/>
              <a:gd name="connsiteY1" fmla="*/ 0 h 6884528"/>
              <a:gd name="connsiteX2" fmla="*/ 5619540 w 5637143"/>
              <a:gd name="connsiteY2" fmla="*/ 6884528 h 6884528"/>
              <a:gd name="connsiteX3" fmla="*/ 282771 w 5637143"/>
              <a:gd name="connsiteY3" fmla="*/ 6880861 h 6884528"/>
              <a:gd name="connsiteX4" fmla="*/ 1069131 w 5637143"/>
              <a:gd name="connsiteY4" fmla="*/ 1672 h 6884528"/>
              <a:gd name="connsiteX0" fmla="*/ 1303528 w 5871540"/>
              <a:gd name="connsiteY0" fmla="*/ 1672 h 6884528"/>
              <a:gd name="connsiteX1" fmla="*/ 5870860 w 5871540"/>
              <a:gd name="connsiteY1" fmla="*/ 0 h 6884528"/>
              <a:gd name="connsiteX2" fmla="*/ 5853937 w 5871540"/>
              <a:gd name="connsiteY2" fmla="*/ 6884528 h 6884528"/>
              <a:gd name="connsiteX3" fmla="*/ 517168 w 5871540"/>
              <a:gd name="connsiteY3" fmla="*/ 6880861 h 6884528"/>
              <a:gd name="connsiteX4" fmla="*/ 1303528 w 5871540"/>
              <a:gd name="connsiteY4" fmla="*/ 1672 h 6884528"/>
              <a:gd name="connsiteX0" fmla="*/ 1092799 w 5660811"/>
              <a:gd name="connsiteY0" fmla="*/ 1672 h 6884528"/>
              <a:gd name="connsiteX1" fmla="*/ 5660131 w 5660811"/>
              <a:gd name="connsiteY1" fmla="*/ 0 h 6884528"/>
              <a:gd name="connsiteX2" fmla="*/ 5643208 w 5660811"/>
              <a:gd name="connsiteY2" fmla="*/ 6884528 h 6884528"/>
              <a:gd name="connsiteX3" fmla="*/ 715427 w 5660811"/>
              <a:gd name="connsiteY3" fmla="*/ 6880862 h 6884528"/>
              <a:gd name="connsiteX4" fmla="*/ 1092799 w 5660811"/>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395571 w 5963583"/>
              <a:gd name="connsiteY0" fmla="*/ 1672 h 6884528"/>
              <a:gd name="connsiteX1" fmla="*/ 5962903 w 5963583"/>
              <a:gd name="connsiteY1" fmla="*/ 0 h 6884528"/>
              <a:gd name="connsiteX2" fmla="*/ 5945980 w 5963583"/>
              <a:gd name="connsiteY2" fmla="*/ 6884528 h 6884528"/>
              <a:gd name="connsiteX3" fmla="*/ 1018199 w 5963583"/>
              <a:gd name="connsiteY3" fmla="*/ 6880862 h 6884528"/>
              <a:gd name="connsiteX4" fmla="*/ 1395571 w 5963583"/>
              <a:gd name="connsiteY4" fmla="*/ 1672 h 6884528"/>
              <a:gd name="connsiteX0" fmla="*/ 1514168 w 6082180"/>
              <a:gd name="connsiteY0" fmla="*/ 1672 h 6917077"/>
              <a:gd name="connsiteX1" fmla="*/ 6081500 w 6082180"/>
              <a:gd name="connsiteY1" fmla="*/ 0 h 6917077"/>
              <a:gd name="connsiteX2" fmla="*/ 6064577 w 6082180"/>
              <a:gd name="connsiteY2" fmla="*/ 6884528 h 6917077"/>
              <a:gd name="connsiteX3" fmla="*/ 932303 w 6082180"/>
              <a:gd name="connsiteY3" fmla="*/ 6917077 h 6917077"/>
              <a:gd name="connsiteX4" fmla="*/ 1514168 w 6082180"/>
              <a:gd name="connsiteY4" fmla="*/ 1672 h 6917077"/>
              <a:gd name="connsiteX0" fmla="*/ 1514168 w 6082180"/>
              <a:gd name="connsiteY0" fmla="*/ 1672 h 6888224"/>
              <a:gd name="connsiteX1" fmla="*/ 6081500 w 6082180"/>
              <a:gd name="connsiteY1" fmla="*/ 0 h 6888224"/>
              <a:gd name="connsiteX2" fmla="*/ 6064577 w 6082180"/>
              <a:gd name="connsiteY2" fmla="*/ 6884528 h 6888224"/>
              <a:gd name="connsiteX3" fmla="*/ 932303 w 6082180"/>
              <a:gd name="connsiteY3" fmla="*/ 6888224 h 6888224"/>
              <a:gd name="connsiteX4" fmla="*/ 1514168 w 6082180"/>
              <a:gd name="connsiteY4" fmla="*/ 1672 h 6888224"/>
              <a:gd name="connsiteX0" fmla="*/ 1514168 w 6085999"/>
              <a:gd name="connsiteY0" fmla="*/ 1672 h 6891484"/>
              <a:gd name="connsiteX1" fmla="*/ 6081500 w 6085999"/>
              <a:gd name="connsiteY1" fmla="*/ 0 h 6891484"/>
              <a:gd name="connsiteX2" fmla="*/ 6085999 w 6085999"/>
              <a:gd name="connsiteY2" fmla="*/ 6891484 h 6891484"/>
              <a:gd name="connsiteX3" fmla="*/ 932303 w 6085999"/>
              <a:gd name="connsiteY3" fmla="*/ 6888224 h 6891484"/>
              <a:gd name="connsiteX4" fmla="*/ 1514168 w 6085999"/>
              <a:gd name="connsiteY4" fmla="*/ 1672 h 68914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85999" h="6891484">
                <a:moveTo>
                  <a:pt x="1514168" y="1672"/>
                </a:moveTo>
                <a:lnTo>
                  <a:pt x="6081500" y="0"/>
                </a:lnTo>
                <a:cubicBezTo>
                  <a:pt x="6087513" y="41941"/>
                  <a:pt x="6072750" y="6886778"/>
                  <a:pt x="6085999" y="6891484"/>
                </a:cubicBezTo>
                <a:lnTo>
                  <a:pt x="932303" y="6888224"/>
                </a:lnTo>
                <a:cubicBezTo>
                  <a:pt x="-531809" y="4689621"/>
                  <a:pt x="-221861" y="1437887"/>
                  <a:pt x="1514168" y="167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142658383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Slide - Picture 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0A53E1-D92C-FD09-DE69-50744174A138}"/>
              </a:ext>
            </a:extLst>
          </p:cNvPr>
          <p:cNvSpPr>
            <a:spLocks noGrp="1"/>
          </p:cNvSpPr>
          <p:nvPr>
            <p:ph type="title"/>
          </p:nvPr>
        </p:nvSpPr>
        <p:spPr>
          <a:xfrm>
            <a:off x="545276" y="833695"/>
            <a:ext cx="7369532"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FDB533CD-8B21-D903-3FBF-B4A1A3C0A088}"/>
              </a:ext>
            </a:extLst>
          </p:cNvPr>
          <p:cNvSpPr>
            <a:spLocks noGrp="1"/>
          </p:cNvSpPr>
          <p:nvPr>
            <p:ph sz="quarter" idx="10" hasCustomPrompt="1"/>
          </p:nvPr>
        </p:nvSpPr>
        <p:spPr>
          <a:xfrm>
            <a:off x="545275" y="2333042"/>
            <a:ext cx="7369532"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F81A39DB-BD90-7ECE-AC76-FB99F42E4FD9}"/>
              </a:ext>
            </a:extLst>
          </p:cNvPr>
          <p:cNvSpPr>
            <a:spLocks noGrp="1"/>
          </p:cNvSpPr>
          <p:nvPr>
            <p:ph type="body" sz="quarter" idx="12"/>
          </p:nvPr>
        </p:nvSpPr>
        <p:spPr>
          <a:xfrm>
            <a:off x="545275" y="1823776"/>
            <a:ext cx="7369532"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03E902F0-A050-AA6A-C3CA-9C23579E6359}"/>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3" name="Picture Placeholder 25">
            <a:extLst>
              <a:ext uri="{FF2B5EF4-FFF2-40B4-BE49-F238E27FC236}">
                <a16:creationId xmlns:a16="http://schemas.microsoft.com/office/drawing/2014/main" id="{BCEEDE08-6012-155A-393B-D12571ABB9CA}"/>
              </a:ext>
            </a:extLst>
          </p:cNvPr>
          <p:cNvSpPr>
            <a:spLocks noGrp="1"/>
          </p:cNvSpPr>
          <p:nvPr>
            <p:ph type="pic" sz="quarter" idx="11" hasCustomPrompt="1"/>
          </p:nvPr>
        </p:nvSpPr>
        <p:spPr bwMode="auto">
          <a:xfrm>
            <a:off x="8811864" y="13008"/>
            <a:ext cx="3389860" cy="5975097"/>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140913"/>
              <a:gd name="connsiteY0" fmla="*/ 0 h 6844972"/>
              <a:gd name="connsiteX1" fmla="*/ 3786270 w 4140913"/>
              <a:gd name="connsiteY1" fmla="*/ 0 h 6844972"/>
              <a:gd name="connsiteX2" fmla="*/ 3355997 w 4140913"/>
              <a:gd name="connsiteY2" fmla="*/ 6844972 h 6844972"/>
              <a:gd name="connsiteX3" fmla="*/ 0 w 4140913"/>
              <a:gd name="connsiteY3" fmla="*/ 6844972 h 6844972"/>
              <a:gd name="connsiteX4" fmla="*/ 0 w 4140913"/>
              <a:gd name="connsiteY4" fmla="*/ 0 h 6844972"/>
              <a:gd name="connsiteX0" fmla="*/ 0 w 3997109"/>
              <a:gd name="connsiteY0" fmla="*/ 0 h 6844972"/>
              <a:gd name="connsiteX1" fmla="*/ 3786270 w 3997109"/>
              <a:gd name="connsiteY1" fmla="*/ 0 h 6844972"/>
              <a:gd name="connsiteX2" fmla="*/ 3355997 w 3997109"/>
              <a:gd name="connsiteY2" fmla="*/ 6844972 h 6844972"/>
              <a:gd name="connsiteX3" fmla="*/ 0 w 3997109"/>
              <a:gd name="connsiteY3" fmla="*/ 6844972 h 6844972"/>
              <a:gd name="connsiteX4" fmla="*/ 0 w 3997109"/>
              <a:gd name="connsiteY4" fmla="*/ 0 h 6844972"/>
              <a:gd name="connsiteX0" fmla="*/ 0 w 4414471"/>
              <a:gd name="connsiteY0" fmla="*/ 0 h 6844972"/>
              <a:gd name="connsiteX1" fmla="*/ 3786270 w 4414471"/>
              <a:gd name="connsiteY1" fmla="*/ 0 h 6844972"/>
              <a:gd name="connsiteX2" fmla="*/ 3355997 w 4414471"/>
              <a:gd name="connsiteY2" fmla="*/ 6844972 h 6844972"/>
              <a:gd name="connsiteX3" fmla="*/ 0 w 4414471"/>
              <a:gd name="connsiteY3" fmla="*/ 6844972 h 6844972"/>
              <a:gd name="connsiteX4" fmla="*/ 0 w 4414471"/>
              <a:gd name="connsiteY4" fmla="*/ 0 h 6844972"/>
              <a:gd name="connsiteX0" fmla="*/ 0 w 4407673"/>
              <a:gd name="connsiteY0" fmla="*/ 0 h 6844972"/>
              <a:gd name="connsiteX1" fmla="*/ 3786270 w 4407673"/>
              <a:gd name="connsiteY1" fmla="*/ 0 h 6844972"/>
              <a:gd name="connsiteX2" fmla="*/ 3355997 w 4407673"/>
              <a:gd name="connsiteY2" fmla="*/ 6844972 h 6844972"/>
              <a:gd name="connsiteX3" fmla="*/ 0 w 4407673"/>
              <a:gd name="connsiteY3" fmla="*/ 6844972 h 6844972"/>
              <a:gd name="connsiteX4" fmla="*/ 0 w 4407673"/>
              <a:gd name="connsiteY4" fmla="*/ 0 h 6844972"/>
              <a:gd name="connsiteX0" fmla="*/ 0 w 4429673"/>
              <a:gd name="connsiteY0" fmla="*/ 0 h 6844972"/>
              <a:gd name="connsiteX1" fmla="*/ 3786270 w 4429673"/>
              <a:gd name="connsiteY1" fmla="*/ 0 h 6844972"/>
              <a:gd name="connsiteX2" fmla="*/ 3355997 w 4429673"/>
              <a:gd name="connsiteY2" fmla="*/ 6844972 h 6844972"/>
              <a:gd name="connsiteX3" fmla="*/ 0 w 4429673"/>
              <a:gd name="connsiteY3" fmla="*/ 6844972 h 6844972"/>
              <a:gd name="connsiteX4" fmla="*/ 0 w 4429673"/>
              <a:gd name="connsiteY4" fmla="*/ 0 h 6844972"/>
              <a:gd name="connsiteX0" fmla="*/ 0 w 4946879"/>
              <a:gd name="connsiteY0" fmla="*/ 0 h 6844972"/>
              <a:gd name="connsiteX1" fmla="*/ 4426832 w 4946879"/>
              <a:gd name="connsiteY1" fmla="*/ 0 h 6844972"/>
              <a:gd name="connsiteX2" fmla="*/ 3355997 w 4946879"/>
              <a:gd name="connsiteY2" fmla="*/ 6844972 h 6844972"/>
              <a:gd name="connsiteX3" fmla="*/ 0 w 4946879"/>
              <a:gd name="connsiteY3" fmla="*/ 6844972 h 6844972"/>
              <a:gd name="connsiteX4" fmla="*/ 0 w 4946879"/>
              <a:gd name="connsiteY4" fmla="*/ 0 h 6844972"/>
              <a:gd name="connsiteX0" fmla="*/ 0 w 4426832"/>
              <a:gd name="connsiteY0" fmla="*/ 36 h 6845008"/>
              <a:gd name="connsiteX1" fmla="*/ 4426832 w 4426832"/>
              <a:gd name="connsiteY1" fmla="*/ 36 h 6845008"/>
              <a:gd name="connsiteX2" fmla="*/ 3355997 w 4426832"/>
              <a:gd name="connsiteY2" fmla="*/ 6845008 h 6845008"/>
              <a:gd name="connsiteX3" fmla="*/ 0 w 4426832"/>
              <a:gd name="connsiteY3" fmla="*/ 6845008 h 6845008"/>
              <a:gd name="connsiteX4" fmla="*/ 0 w 4426832"/>
              <a:gd name="connsiteY4" fmla="*/ 36 h 6845008"/>
              <a:gd name="connsiteX0" fmla="*/ 0 w 4596489"/>
              <a:gd name="connsiteY0" fmla="*/ 36 h 6845008"/>
              <a:gd name="connsiteX1" fmla="*/ 4426832 w 4596489"/>
              <a:gd name="connsiteY1" fmla="*/ 36 h 6845008"/>
              <a:gd name="connsiteX2" fmla="*/ 4423601 w 4596489"/>
              <a:gd name="connsiteY2" fmla="*/ 6845008 h 6845008"/>
              <a:gd name="connsiteX3" fmla="*/ 0 w 4596489"/>
              <a:gd name="connsiteY3" fmla="*/ 6845008 h 6845008"/>
              <a:gd name="connsiteX4" fmla="*/ 0 w 4596489"/>
              <a:gd name="connsiteY4" fmla="*/ 36 h 6845008"/>
              <a:gd name="connsiteX0" fmla="*/ 0 w 4426832"/>
              <a:gd name="connsiteY0" fmla="*/ 22 h 6844994"/>
              <a:gd name="connsiteX1" fmla="*/ 4426832 w 4426832"/>
              <a:gd name="connsiteY1" fmla="*/ 22 h 6844994"/>
              <a:gd name="connsiteX2" fmla="*/ 4423601 w 4426832"/>
              <a:gd name="connsiteY2" fmla="*/ 6844994 h 6844994"/>
              <a:gd name="connsiteX3" fmla="*/ 0 w 4426832"/>
              <a:gd name="connsiteY3" fmla="*/ 6844994 h 6844994"/>
              <a:gd name="connsiteX4" fmla="*/ 0 w 4426832"/>
              <a:gd name="connsiteY4" fmla="*/ 22 h 6844994"/>
              <a:gd name="connsiteX0" fmla="*/ 695919 w 5122751"/>
              <a:gd name="connsiteY0" fmla="*/ 22 h 6844994"/>
              <a:gd name="connsiteX1" fmla="*/ 5122751 w 5122751"/>
              <a:gd name="connsiteY1" fmla="*/ 22 h 6844994"/>
              <a:gd name="connsiteX2" fmla="*/ 5119520 w 5122751"/>
              <a:gd name="connsiteY2" fmla="*/ 6844994 h 6844994"/>
              <a:gd name="connsiteX3" fmla="*/ 695919 w 5122751"/>
              <a:gd name="connsiteY3" fmla="*/ 6844994 h 6844994"/>
              <a:gd name="connsiteX4" fmla="*/ 695919 w 5122751"/>
              <a:gd name="connsiteY4" fmla="*/ 22 h 6844994"/>
              <a:gd name="connsiteX0" fmla="*/ 442793 w 4869625"/>
              <a:gd name="connsiteY0" fmla="*/ 22 h 6844994"/>
              <a:gd name="connsiteX1" fmla="*/ 4869625 w 4869625"/>
              <a:gd name="connsiteY1" fmla="*/ 22 h 6844994"/>
              <a:gd name="connsiteX2" fmla="*/ 4866394 w 4869625"/>
              <a:gd name="connsiteY2" fmla="*/ 6844994 h 6844994"/>
              <a:gd name="connsiteX3" fmla="*/ 442793 w 4869625"/>
              <a:gd name="connsiteY3" fmla="*/ 6844994 h 6844994"/>
              <a:gd name="connsiteX4" fmla="*/ 442793 w 4869625"/>
              <a:gd name="connsiteY4" fmla="*/ 22 h 6844994"/>
              <a:gd name="connsiteX0" fmla="*/ 444607 w 4871439"/>
              <a:gd name="connsiteY0" fmla="*/ 22 h 6844994"/>
              <a:gd name="connsiteX1" fmla="*/ 4871439 w 4871439"/>
              <a:gd name="connsiteY1" fmla="*/ 22 h 6844994"/>
              <a:gd name="connsiteX2" fmla="*/ 4868208 w 4871439"/>
              <a:gd name="connsiteY2" fmla="*/ 6844994 h 6844994"/>
              <a:gd name="connsiteX3" fmla="*/ 444607 w 4871439"/>
              <a:gd name="connsiteY3" fmla="*/ 6844994 h 6844994"/>
              <a:gd name="connsiteX4" fmla="*/ 444607 w 4871439"/>
              <a:gd name="connsiteY4" fmla="*/ 22 h 6844994"/>
              <a:gd name="connsiteX0" fmla="*/ 380563 w 4807395"/>
              <a:gd name="connsiteY0" fmla="*/ 22 h 6858254"/>
              <a:gd name="connsiteX1" fmla="*/ 4807395 w 4807395"/>
              <a:gd name="connsiteY1" fmla="*/ 22 h 6858254"/>
              <a:gd name="connsiteX2" fmla="*/ 4804164 w 4807395"/>
              <a:gd name="connsiteY2" fmla="*/ 6844994 h 6858254"/>
              <a:gd name="connsiteX3" fmla="*/ 1056712 w 4807395"/>
              <a:gd name="connsiteY3" fmla="*/ 6858254 h 6858254"/>
              <a:gd name="connsiteX4" fmla="*/ 380563 w 4807395"/>
              <a:gd name="connsiteY4" fmla="*/ 22 h 6858254"/>
              <a:gd name="connsiteX0" fmla="*/ 410005 w 4836837"/>
              <a:gd name="connsiteY0" fmla="*/ 22 h 6844994"/>
              <a:gd name="connsiteX1" fmla="*/ 4836837 w 4836837"/>
              <a:gd name="connsiteY1" fmla="*/ 22 h 6844994"/>
              <a:gd name="connsiteX2" fmla="*/ 4833606 w 4836837"/>
              <a:gd name="connsiteY2" fmla="*/ 6844994 h 6844994"/>
              <a:gd name="connsiteX3" fmla="*/ 748079 w 4836837"/>
              <a:gd name="connsiteY3" fmla="*/ 6831735 h 6844994"/>
              <a:gd name="connsiteX4" fmla="*/ 410005 w 4836837"/>
              <a:gd name="connsiteY4" fmla="*/ 22 h 6844994"/>
              <a:gd name="connsiteX0" fmla="*/ 584170 w 5011002"/>
              <a:gd name="connsiteY0" fmla="*/ 22 h 6844994"/>
              <a:gd name="connsiteX1" fmla="*/ 5011002 w 5011002"/>
              <a:gd name="connsiteY1" fmla="*/ 22 h 6844994"/>
              <a:gd name="connsiteX2" fmla="*/ 5007771 w 5011002"/>
              <a:gd name="connsiteY2" fmla="*/ 6844994 h 6844994"/>
              <a:gd name="connsiteX3" fmla="*/ 922244 w 5011002"/>
              <a:gd name="connsiteY3" fmla="*/ 6831735 h 6844994"/>
              <a:gd name="connsiteX4" fmla="*/ 584170 w 5011002"/>
              <a:gd name="connsiteY4" fmla="*/ 22 h 6844994"/>
              <a:gd name="connsiteX0" fmla="*/ 575491 w 5002323"/>
              <a:gd name="connsiteY0" fmla="*/ 22 h 6844994"/>
              <a:gd name="connsiteX1" fmla="*/ 5002323 w 5002323"/>
              <a:gd name="connsiteY1" fmla="*/ 22 h 6844994"/>
              <a:gd name="connsiteX2" fmla="*/ 4999092 w 5002323"/>
              <a:gd name="connsiteY2" fmla="*/ 6844994 h 6844994"/>
              <a:gd name="connsiteX3" fmla="*/ 913565 w 5002323"/>
              <a:gd name="connsiteY3" fmla="*/ 6831735 h 6844994"/>
              <a:gd name="connsiteX4" fmla="*/ 575491 w 5002323"/>
              <a:gd name="connsiteY4" fmla="*/ 22 h 6844994"/>
              <a:gd name="connsiteX0" fmla="*/ 784290 w 5211122"/>
              <a:gd name="connsiteY0" fmla="*/ 22 h 6844994"/>
              <a:gd name="connsiteX1" fmla="*/ 5211122 w 5211122"/>
              <a:gd name="connsiteY1" fmla="*/ 22 h 6844994"/>
              <a:gd name="connsiteX2" fmla="*/ 5207891 w 5211122"/>
              <a:gd name="connsiteY2" fmla="*/ 6844994 h 6844994"/>
              <a:gd name="connsiteX3" fmla="*/ 1122364 w 5211122"/>
              <a:gd name="connsiteY3" fmla="*/ 6831735 h 6844994"/>
              <a:gd name="connsiteX4" fmla="*/ 784290 w 5211122"/>
              <a:gd name="connsiteY4" fmla="*/ 22 h 68449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11122" h="6844994">
                <a:moveTo>
                  <a:pt x="784290" y="22"/>
                </a:moveTo>
                <a:lnTo>
                  <a:pt x="5211122" y="22"/>
                </a:lnTo>
                <a:cubicBezTo>
                  <a:pt x="5196537" y="-12954"/>
                  <a:pt x="5210793" y="5802227"/>
                  <a:pt x="5207891" y="6844994"/>
                </a:cubicBezTo>
                <a:lnTo>
                  <a:pt x="1122364" y="6831735"/>
                </a:lnTo>
                <a:cubicBezTo>
                  <a:pt x="1371473" y="4284885"/>
                  <a:pt x="-1261951" y="3620920"/>
                  <a:pt x="784290" y="2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556000" anchor="t">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413520985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slide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100480-B4C3-9882-5AA2-6D2624910BC3}"/>
              </a:ext>
            </a:extLst>
          </p:cNvPr>
          <p:cNvSpPr>
            <a:spLocks noGrp="1"/>
          </p:cNvSpPr>
          <p:nvPr>
            <p:ph type="title"/>
          </p:nvPr>
        </p:nvSpPr>
        <p:spPr/>
        <p:txBody>
          <a:bodyPr/>
          <a:lstStyle/>
          <a:p>
            <a:r>
              <a:rPr lang="en-US"/>
              <a:t>Click to edit Master title style</a:t>
            </a:r>
            <a:endParaRPr lang="en-MX"/>
          </a:p>
        </p:txBody>
      </p:sp>
      <p:sp>
        <p:nvSpPr>
          <p:cNvPr id="6" name="Text Placeholder 17">
            <a:extLst>
              <a:ext uri="{FF2B5EF4-FFF2-40B4-BE49-F238E27FC236}">
                <a16:creationId xmlns:a16="http://schemas.microsoft.com/office/drawing/2014/main" id="{39775C16-2F81-B015-8329-AAC80772AF27}"/>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23279641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Slide 1">
    <p:bg>
      <p:bgPr>
        <a:solidFill>
          <a:srgbClr val="FFFFFF"/>
        </a:solidFill>
        <a:effectLst/>
      </p:bgPr>
    </p:bg>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05A4F5C1-F5AF-7E9A-26B7-6522016DE7C9}"/>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6" name="Text Placeholder 17">
            <a:extLst>
              <a:ext uri="{FF2B5EF4-FFF2-40B4-BE49-F238E27FC236}">
                <a16:creationId xmlns:a16="http://schemas.microsoft.com/office/drawing/2014/main" id="{318C99FC-65D8-8A50-9BE5-1E8AEDD42E4B}"/>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8" name="Marcador de texto 2">
            <a:extLst>
              <a:ext uri="{FF2B5EF4-FFF2-40B4-BE49-F238E27FC236}">
                <a16:creationId xmlns:a16="http://schemas.microsoft.com/office/drawing/2014/main" id="{D0EE5DBA-151C-99AD-BDBA-C8567FC8158E}"/>
              </a:ext>
            </a:extLst>
          </p:cNvPr>
          <p:cNvSpPr>
            <a:spLocks noGrp="1" noChangeArrowheads="1"/>
          </p:cNvSpPr>
          <p:nvPr>
            <p:ph idx="1" hasCustomPrompt="1"/>
          </p:nvPr>
        </p:nvSpPr>
        <p:spPr bwMode="auto">
          <a:xfrm>
            <a:off x="545275" y="1840676"/>
            <a:ext cx="7204639"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lvl1pPr marL="0" indent="0">
              <a:buNone/>
              <a:defRPr sz="2000" b="0" i="0">
                <a:latin typeface="+mn-lt"/>
              </a:defRPr>
            </a:lvl1pPr>
            <a:lvl2pPr marL="236538" indent="0">
              <a:buNone/>
              <a:tabLst/>
              <a:defRPr/>
            </a:lvl2pPr>
            <a:lvl3pPr marL="11113" indent="0">
              <a:buFont typeface="Arial" panose="020B0604020202020204" pitchFamily="34" charset="0"/>
              <a:buNone/>
              <a:tabLst/>
              <a:defRPr sz="1800">
                <a:latin typeface="+mn-lt"/>
              </a:defRPr>
            </a:lvl3pPr>
            <a:lvl4pPr marL="628650" indent="-225425">
              <a:tabLst/>
              <a:defRPr/>
            </a:lvl4pPr>
            <a:lvl5pPr marL="628650" indent="-225425">
              <a:tabLst/>
              <a:defRPr/>
            </a:lvl5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Tree>
    <p:extLst>
      <p:ext uri="{BB962C8B-B14F-4D97-AF65-F5344CB8AC3E}">
        <p14:creationId xmlns:p14="http://schemas.microsoft.com/office/powerpoint/2010/main" val="103369806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Slide 2">
    <p:bg>
      <p:bgPr>
        <a:solidFill>
          <a:srgbClr val="FFFFFF"/>
        </a:solidFill>
        <a:effectLst/>
      </p:bgPr>
    </p:bg>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51AB836F-4B28-F328-B8C2-BA783B22643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2" name="Content Placeholder 8">
            <a:extLst>
              <a:ext uri="{FF2B5EF4-FFF2-40B4-BE49-F238E27FC236}">
                <a16:creationId xmlns:a16="http://schemas.microsoft.com/office/drawing/2014/main" id="{8C113D66-852B-333D-958C-43F03A571A7D}"/>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8" name="Text Placeholder 17">
            <a:extLst>
              <a:ext uri="{FF2B5EF4-FFF2-40B4-BE49-F238E27FC236}">
                <a16:creationId xmlns:a16="http://schemas.microsoft.com/office/drawing/2014/main" id="{866C0EC0-DA9E-DE0B-EB73-077FE776FCEC}"/>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11" name="Text Placeholder 17">
            <a:extLst>
              <a:ext uri="{FF2B5EF4-FFF2-40B4-BE49-F238E27FC236}">
                <a16:creationId xmlns:a16="http://schemas.microsoft.com/office/drawing/2014/main" id="{4AAE9541-69E4-E890-E26C-774A9EFE19BE}"/>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358945611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Slide 3">
    <p:bg>
      <p:bgPr>
        <a:solidFill>
          <a:srgbClr val="FFFFFF"/>
        </a:solidFill>
        <a:effectLst/>
      </p:bgPr>
    </p:bg>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51AB836F-4B28-F328-B8C2-BA783B22643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8" name="Content Placeholder 8">
            <a:extLst>
              <a:ext uri="{FF2B5EF4-FFF2-40B4-BE49-F238E27FC236}">
                <a16:creationId xmlns:a16="http://schemas.microsoft.com/office/drawing/2014/main" id="{2B42BEF6-7BF5-06DA-CEF3-76A32AEB21F3}"/>
              </a:ext>
            </a:extLst>
          </p:cNvPr>
          <p:cNvSpPr>
            <a:spLocks noGrp="1"/>
          </p:cNvSpPr>
          <p:nvPr>
            <p:ph sz="quarter" idx="10" hasCustomPrompt="1"/>
          </p:nvPr>
        </p:nvSpPr>
        <p:spPr>
          <a:xfrm>
            <a:off x="545275" y="2333042"/>
            <a:ext cx="4930238" cy="3414613"/>
          </a:xfrm>
        </p:spPr>
        <p:txBody>
          <a:bodyPr/>
          <a:lstStyle>
            <a:lvl3pPr marL="14288" indent="0">
              <a:buNone/>
              <a:tabLst/>
              <a:defRPr>
                <a:solidFill>
                  <a:schemeClr val="tx2"/>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11" name="Content Placeholder 8">
            <a:extLst>
              <a:ext uri="{FF2B5EF4-FFF2-40B4-BE49-F238E27FC236}">
                <a16:creationId xmlns:a16="http://schemas.microsoft.com/office/drawing/2014/main" id="{18AF5440-8E91-87CB-7322-67B04A384217}"/>
              </a:ext>
            </a:extLst>
          </p:cNvPr>
          <p:cNvSpPr>
            <a:spLocks noGrp="1"/>
          </p:cNvSpPr>
          <p:nvPr>
            <p:ph sz="quarter" idx="13" hasCustomPrompt="1"/>
          </p:nvPr>
        </p:nvSpPr>
        <p:spPr>
          <a:xfrm>
            <a:off x="6091636" y="2333042"/>
            <a:ext cx="4930238" cy="3414613"/>
          </a:xfrm>
        </p:spPr>
        <p:txBody>
          <a:bodyPr/>
          <a:lstStyle>
            <a:lvl3pPr marL="14288" indent="0">
              <a:buNone/>
              <a:tabLst/>
              <a:defRPr>
                <a:solidFill>
                  <a:schemeClr val="tx2"/>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13" name="Text Placeholder 17">
            <a:extLst>
              <a:ext uri="{FF2B5EF4-FFF2-40B4-BE49-F238E27FC236}">
                <a16:creationId xmlns:a16="http://schemas.microsoft.com/office/drawing/2014/main" id="{C8F60962-BA8B-6F20-CD8C-A87EF8EE85BF}"/>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14" name="Text Placeholder 17">
            <a:extLst>
              <a:ext uri="{FF2B5EF4-FFF2-40B4-BE49-F238E27FC236}">
                <a16:creationId xmlns:a16="http://schemas.microsoft.com/office/drawing/2014/main" id="{44C648F1-4F89-02D5-F3D7-87C0631201DE}"/>
              </a:ext>
            </a:extLst>
          </p:cNvPr>
          <p:cNvSpPr>
            <a:spLocks noGrp="1"/>
          </p:cNvSpPr>
          <p:nvPr>
            <p:ph type="body" sz="quarter" idx="15"/>
          </p:nvPr>
        </p:nvSpPr>
        <p:spPr>
          <a:xfrm>
            <a:off x="6076646" y="1823776"/>
            <a:ext cx="4930238" cy="395219"/>
          </a:xfrm>
        </p:spPr>
        <p:txBody>
          <a:bodyPr anchor="ctr">
            <a:normAutofit/>
          </a:bodyPr>
          <a:lstStyle>
            <a:lvl1pPr marL="11113" marR="0" indent="-11113"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15" name="Text Placeholder 17">
            <a:extLst>
              <a:ext uri="{FF2B5EF4-FFF2-40B4-BE49-F238E27FC236}">
                <a16:creationId xmlns:a16="http://schemas.microsoft.com/office/drawing/2014/main" id="{9B9A409B-BB57-C75F-7544-310CECA29E58}"/>
              </a:ext>
            </a:extLst>
          </p:cNvPr>
          <p:cNvSpPr>
            <a:spLocks noGrp="1"/>
          </p:cNvSpPr>
          <p:nvPr>
            <p:ph type="body" sz="quarter" idx="16"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148714374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1_Blank">
    <p:bg>
      <p:bgPr>
        <a:solidFill>
          <a:schemeClr val="tx1"/>
        </a:solidFill>
        <a:effectLst/>
      </p:bgPr>
    </p:bg>
    <p:spTree>
      <p:nvGrpSpPr>
        <p:cNvPr id="1" name=""/>
        <p:cNvGrpSpPr/>
        <p:nvPr/>
      </p:nvGrpSpPr>
      <p:grpSpPr>
        <a:xfrm>
          <a:off x="0" y="0"/>
          <a:ext cx="0" cy="0"/>
          <a:chOff x="0" y="0"/>
          <a:chExt cx="0" cy="0"/>
        </a:xfrm>
      </p:grpSpPr>
      <p:sp>
        <p:nvSpPr>
          <p:cNvPr id="2" name="Title Placeholder 7">
            <a:extLst>
              <a:ext uri="{FF2B5EF4-FFF2-40B4-BE49-F238E27FC236}">
                <a16:creationId xmlns:a16="http://schemas.microsoft.com/office/drawing/2014/main" id="{F80FD3EA-4294-4E20-737A-F01B21F886B1}"/>
              </a:ext>
            </a:extLst>
          </p:cNvPr>
          <p:cNvSpPr>
            <a:spLocks noGrp="1"/>
          </p:cNvSpPr>
          <p:nvPr>
            <p:ph type="title"/>
          </p:nvPr>
        </p:nvSpPr>
        <p:spPr>
          <a:xfrm>
            <a:off x="533400" y="1900618"/>
            <a:ext cx="10515600" cy="1325563"/>
          </a:xfrm>
          <a:prstGeom prst="rect">
            <a:avLst/>
          </a:prstGeom>
        </p:spPr>
        <p:txBody>
          <a:bodyPr vert="horz" lIns="0" tIns="0" rIns="0" bIns="0" rtlCol="0" anchor="b" anchorCtr="0">
            <a:noAutofit/>
          </a:bodyPr>
          <a:lstStyle>
            <a:lvl1pPr>
              <a:defRPr sz="4800">
                <a:solidFill>
                  <a:schemeClr val="bg2"/>
                </a:solidFill>
              </a:defRPr>
            </a:lvl1pPr>
          </a:lstStyle>
          <a:p>
            <a:r>
              <a:rPr lang="en-US"/>
              <a:t>Click to edit Master title style</a:t>
            </a:r>
          </a:p>
        </p:txBody>
      </p:sp>
      <p:sp>
        <p:nvSpPr>
          <p:cNvPr id="4" name="Text Placeholder 2">
            <a:extLst>
              <a:ext uri="{FF2B5EF4-FFF2-40B4-BE49-F238E27FC236}">
                <a16:creationId xmlns:a16="http://schemas.microsoft.com/office/drawing/2014/main" id="{3388CDF8-6B08-CB6F-9CCB-6E0F2E9F3B0F}"/>
              </a:ext>
            </a:extLst>
          </p:cNvPr>
          <p:cNvSpPr>
            <a:spLocks noGrp="1"/>
          </p:cNvSpPr>
          <p:nvPr>
            <p:ph type="body" idx="1"/>
          </p:nvPr>
        </p:nvSpPr>
        <p:spPr>
          <a:xfrm>
            <a:off x="533400" y="3395272"/>
            <a:ext cx="9325529" cy="648325"/>
          </a:xfrm>
          <a:prstGeom prst="rect">
            <a:avLst/>
          </a:prstGeom>
        </p:spPr>
        <p:txBody>
          <a:bodyPr>
            <a:normAutofit/>
          </a:bodyPr>
          <a:lstStyle>
            <a:lvl1pPr marL="0" indent="0">
              <a:buNone/>
              <a:defRPr sz="2400">
                <a:solidFill>
                  <a:schemeClr val="accent1"/>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pic>
        <p:nvPicPr>
          <p:cNvPr id="5" name="Graphic 3">
            <a:extLst>
              <a:ext uri="{FF2B5EF4-FFF2-40B4-BE49-F238E27FC236}">
                <a16:creationId xmlns:a16="http://schemas.microsoft.com/office/drawing/2014/main" id="{481D77E3-01FF-E2C8-9F10-E8B516E58CFA}"/>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413530665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Slide 4">
    <p:bg>
      <p:bgPr>
        <a:solidFill>
          <a:srgbClr val="FFFFFF"/>
        </a:solidFill>
        <a:effectLst/>
      </p:bgPr>
    </p:bg>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51AB836F-4B28-F328-B8C2-BA783B22643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7" name="Content Placeholder 5">
            <a:extLst>
              <a:ext uri="{FF2B5EF4-FFF2-40B4-BE49-F238E27FC236}">
                <a16:creationId xmlns:a16="http://schemas.microsoft.com/office/drawing/2014/main" id="{9FCD4C06-CABF-3ED0-2447-814C6741E5F9}"/>
              </a:ext>
            </a:extLst>
          </p:cNvPr>
          <p:cNvSpPr>
            <a:spLocks noGrp="1"/>
          </p:cNvSpPr>
          <p:nvPr>
            <p:ph sz="quarter" idx="14"/>
          </p:nvPr>
        </p:nvSpPr>
        <p:spPr>
          <a:xfrm>
            <a:off x="6091238" y="1839233"/>
            <a:ext cx="4930775" cy="3908425"/>
          </a:xfrm>
        </p:spPr>
        <p:txBody>
          <a:bodyPr/>
          <a:lstStyle>
            <a:lvl1pPr marL="223838" indent="-223838">
              <a:buClr>
                <a:schemeClr val="accent1"/>
              </a:buClr>
              <a:buFont typeface="Arial" panose="020B0604020202020204" pitchFamily="34" charset="0"/>
              <a:buChar char="•"/>
              <a:tabLst/>
              <a:defRPr>
                <a:solidFill>
                  <a:schemeClr val="tx2"/>
                </a:solidFill>
              </a:defRPr>
            </a:lvl1pPr>
            <a:lvl2pPr marL="671513" indent="-214313">
              <a:buClr>
                <a:schemeClr val="accent1"/>
              </a:buClr>
              <a:buFont typeface="Arial" panose="020B0604020202020204" pitchFamily="34" charset="0"/>
              <a:buChar char="•"/>
              <a:tabLst/>
              <a:defRPr>
                <a:solidFill>
                  <a:schemeClr val="tx2"/>
                </a:solidFill>
              </a:defRPr>
            </a:lvl2pPr>
            <a:lvl3pPr>
              <a:buClr>
                <a:schemeClr val="accent1"/>
              </a:buClr>
              <a:defRPr>
                <a:solidFill>
                  <a:schemeClr val="tx2"/>
                </a:solidFill>
              </a:defRPr>
            </a:lvl3pPr>
            <a:lvl4pPr>
              <a:buClr>
                <a:schemeClr val="accent1"/>
              </a:buClr>
              <a:defRPr>
                <a:solidFill>
                  <a:schemeClr val="tx2"/>
                </a:solidFill>
              </a:defRPr>
            </a:lvl4pPr>
            <a:lvl5pPr>
              <a:buClr>
                <a:schemeClr val="accent1"/>
              </a:buClr>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MX"/>
          </a:p>
        </p:txBody>
      </p:sp>
      <p:sp>
        <p:nvSpPr>
          <p:cNvPr id="13" name="Content Placeholder 8">
            <a:extLst>
              <a:ext uri="{FF2B5EF4-FFF2-40B4-BE49-F238E27FC236}">
                <a16:creationId xmlns:a16="http://schemas.microsoft.com/office/drawing/2014/main" id="{87260F2F-1D23-C78D-B941-2261514F14A9}"/>
              </a:ext>
            </a:extLst>
          </p:cNvPr>
          <p:cNvSpPr>
            <a:spLocks noGrp="1"/>
          </p:cNvSpPr>
          <p:nvPr>
            <p:ph sz="quarter" idx="10" hasCustomPrompt="1"/>
          </p:nvPr>
        </p:nvSpPr>
        <p:spPr>
          <a:xfrm>
            <a:off x="545275" y="1808560"/>
            <a:ext cx="4930238" cy="3939095"/>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14" name="Text Placeholder 17">
            <a:extLst>
              <a:ext uri="{FF2B5EF4-FFF2-40B4-BE49-F238E27FC236}">
                <a16:creationId xmlns:a16="http://schemas.microsoft.com/office/drawing/2014/main" id="{93602134-DD4C-0028-4D79-6FDC3F05A715}"/>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243903934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Slide + graph">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DFA3528-BF72-B146-8DCE-5A92625C380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atin typeface="+mj-lt"/>
              </a:defRPr>
            </a:lvl1pPr>
          </a:lstStyle>
          <a:p>
            <a:r>
              <a:rPr lang="en-US"/>
              <a:t>Click to edit Master title style</a:t>
            </a:r>
          </a:p>
        </p:txBody>
      </p:sp>
      <p:sp>
        <p:nvSpPr>
          <p:cNvPr id="3" name="Content Placeholder 8">
            <a:extLst>
              <a:ext uri="{FF2B5EF4-FFF2-40B4-BE49-F238E27FC236}">
                <a16:creationId xmlns:a16="http://schemas.microsoft.com/office/drawing/2014/main" id="{9F50269E-4F17-425A-0547-17276F737001}"/>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4" name="Text Placeholder 17">
            <a:extLst>
              <a:ext uri="{FF2B5EF4-FFF2-40B4-BE49-F238E27FC236}">
                <a16:creationId xmlns:a16="http://schemas.microsoft.com/office/drawing/2014/main" id="{B4A05BC6-BF66-63FB-07EA-C104788831ED}"/>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5" name="Text Placeholder 17">
            <a:extLst>
              <a:ext uri="{FF2B5EF4-FFF2-40B4-BE49-F238E27FC236}">
                <a16:creationId xmlns:a16="http://schemas.microsoft.com/office/drawing/2014/main" id="{6D053E23-38B1-C57D-14C1-1985F638A135}"/>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6" name="Chart Placeholder 3">
            <a:extLst>
              <a:ext uri="{FF2B5EF4-FFF2-40B4-BE49-F238E27FC236}">
                <a16:creationId xmlns:a16="http://schemas.microsoft.com/office/drawing/2014/main" id="{9A937B22-FEE7-323E-8359-21821A1319BA}"/>
              </a:ext>
            </a:extLst>
          </p:cNvPr>
          <p:cNvSpPr>
            <a:spLocks noGrp="1"/>
          </p:cNvSpPr>
          <p:nvPr>
            <p:ph type="chart" sz="quarter" idx="14"/>
          </p:nvPr>
        </p:nvSpPr>
        <p:spPr>
          <a:xfrm>
            <a:off x="5961088" y="1824038"/>
            <a:ext cx="4930775" cy="3924300"/>
          </a:xfrm>
        </p:spPr>
        <p:txBody>
          <a:bodyPr/>
          <a:lstStyle/>
          <a:p>
            <a:endParaRPr lang="en-MX"/>
          </a:p>
        </p:txBody>
      </p:sp>
    </p:spTree>
    <p:extLst>
      <p:ext uri="{BB962C8B-B14F-4D97-AF65-F5344CB8AC3E}">
        <p14:creationId xmlns:p14="http://schemas.microsoft.com/office/powerpoint/2010/main" val="141513610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xt Slide - Highlights">
    <p:bg>
      <p:bgPr>
        <a:solidFill>
          <a:srgbClr val="FFFFFF"/>
        </a:solidFill>
        <a:effectLst/>
      </p:bgPr>
    </p:bg>
    <p:spTree>
      <p:nvGrpSpPr>
        <p:cNvPr id="1" name=""/>
        <p:cNvGrpSpPr/>
        <p:nvPr/>
      </p:nvGrpSpPr>
      <p:grpSpPr>
        <a:xfrm>
          <a:off x="0" y="0"/>
          <a:ext cx="0" cy="0"/>
          <a:chOff x="0" y="0"/>
          <a:chExt cx="0" cy="0"/>
        </a:xfrm>
      </p:grpSpPr>
      <p:sp>
        <p:nvSpPr>
          <p:cNvPr id="6" name="Title Placeholder 1">
            <a:extLst>
              <a:ext uri="{FF2B5EF4-FFF2-40B4-BE49-F238E27FC236}">
                <a16:creationId xmlns:a16="http://schemas.microsoft.com/office/drawing/2014/main" id="{51AB836F-4B28-F328-B8C2-BA783B22643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18" name="Content Placeholder 8">
            <a:extLst>
              <a:ext uri="{FF2B5EF4-FFF2-40B4-BE49-F238E27FC236}">
                <a16:creationId xmlns:a16="http://schemas.microsoft.com/office/drawing/2014/main" id="{35110E61-F084-9B7C-A2A1-2D4574C6F2AA}"/>
              </a:ext>
            </a:extLst>
          </p:cNvPr>
          <p:cNvSpPr>
            <a:spLocks noGrp="1"/>
          </p:cNvSpPr>
          <p:nvPr>
            <p:ph sz="quarter" idx="11" hasCustomPrompt="1"/>
          </p:nvPr>
        </p:nvSpPr>
        <p:spPr>
          <a:xfrm>
            <a:off x="4353050"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19" name="Content Placeholder 8">
            <a:extLst>
              <a:ext uri="{FF2B5EF4-FFF2-40B4-BE49-F238E27FC236}">
                <a16:creationId xmlns:a16="http://schemas.microsoft.com/office/drawing/2014/main" id="{07CDAFD9-9773-0510-2553-8164CD44DC30}"/>
              </a:ext>
            </a:extLst>
          </p:cNvPr>
          <p:cNvSpPr>
            <a:spLocks noGrp="1"/>
          </p:cNvSpPr>
          <p:nvPr>
            <p:ph sz="quarter" idx="12" hasCustomPrompt="1"/>
          </p:nvPr>
        </p:nvSpPr>
        <p:spPr>
          <a:xfrm>
            <a:off x="8239136"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21" name="Picture Placeholder 20">
            <a:extLst>
              <a:ext uri="{FF2B5EF4-FFF2-40B4-BE49-F238E27FC236}">
                <a16:creationId xmlns:a16="http://schemas.microsoft.com/office/drawing/2014/main" id="{5799B787-4363-2998-DAE7-E60D768525F2}"/>
              </a:ext>
            </a:extLst>
          </p:cNvPr>
          <p:cNvSpPr>
            <a:spLocks noGrp="1"/>
          </p:cNvSpPr>
          <p:nvPr>
            <p:ph type="pic" sz="quarter" idx="13"/>
          </p:nvPr>
        </p:nvSpPr>
        <p:spPr>
          <a:xfrm>
            <a:off x="1310728" y="2133107"/>
            <a:ext cx="1804013" cy="1810400"/>
          </a:xfrm>
          <a:prstGeom prst="ellipse">
            <a:avLst/>
          </a:prstGeom>
          <a:solidFill>
            <a:schemeClr val="bg2"/>
          </a:solidFill>
        </p:spPr>
        <p:txBody>
          <a:bodyPr/>
          <a:lstStyle/>
          <a:p>
            <a:endParaRPr lang="en-MX"/>
          </a:p>
        </p:txBody>
      </p:sp>
      <p:sp>
        <p:nvSpPr>
          <p:cNvPr id="23" name="Picture Placeholder 20">
            <a:extLst>
              <a:ext uri="{FF2B5EF4-FFF2-40B4-BE49-F238E27FC236}">
                <a16:creationId xmlns:a16="http://schemas.microsoft.com/office/drawing/2014/main" id="{41866144-9A1A-72C6-AFD3-7CA2A4DCCA9E}"/>
              </a:ext>
            </a:extLst>
          </p:cNvPr>
          <p:cNvSpPr>
            <a:spLocks noGrp="1"/>
          </p:cNvSpPr>
          <p:nvPr>
            <p:ph type="pic" sz="quarter" idx="14"/>
          </p:nvPr>
        </p:nvSpPr>
        <p:spPr>
          <a:xfrm>
            <a:off x="5218980" y="2133107"/>
            <a:ext cx="1804013" cy="1810400"/>
          </a:xfrm>
          <a:prstGeom prst="ellipse">
            <a:avLst/>
          </a:prstGeom>
          <a:solidFill>
            <a:schemeClr val="bg2"/>
          </a:solidFill>
        </p:spPr>
        <p:txBody>
          <a:bodyPr/>
          <a:lstStyle/>
          <a:p>
            <a:endParaRPr lang="en-MX"/>
          </a:p>
        </p:txBody>
      </p:sp>
      <p:sp>
        <p:nvSpPr>
          <p:cNvPr id="24" name="Picture Placeholder 20">
            <a:extLst>
              <a:ext uri="{FF2B5EF4-FFF2-40B4-BE49-F238E27FC236}">
                <a16:creationId xmlns:a16="http://schemas.microsoft.com/office/drawing/2014/main" id="{204B40BB-2F49-54B0-663C-3AB6A6030D7F}"/>
              </a:ext>
            </a:extLst>
          </p:cNvPr>
          <p:cNvSpPr>
            <a:spLocks noGrp="1"/>
          </p:cNvSpPr>
          <p:nvPr>
            <p:ph type="pic" sz="quarter" idx="15"/>
          </p:nvPr>
        </p:nvSpPr>
        <p:spPr>
          <a:xfrm>
            <a:off x="9077259" y="2133107"/>
            <a:ext cx="1804013" cy="1810400"/>
          </a:xfrm>
          <a:prstGeom prst="ellipse">
            <a:avLst/>
          </a:prstGeom>
          <a:solidFill>
            <a:schemeClr val="bg2"/>
          </a:solidFill>
        </p:spPr>
        <p:txBody>
          <a:bodyPr/>
          <a:lstStyle/>
          <a:p>
            <a:endParaRPr lang="en-MX"/>
          </a:p>
        </p:txBody>
      </p:sp>
      <p:sp>
        <p:nvSpPr>
          <p:cNvPr id="26" name="Content Placeholder 8">
            <a:extLst>
              <a:ext uri="{FF2B5EF4-FFF2-40B4-BE49-F238E27FC236}">
                <a16:creationId xmlns:a16="http://schemas.microsoft.com/office/drawing/2014/main" id="{B6294441-4064-E72B-BDE4-C21E500373B2}"/>
              </a:ext>
            </a:extLst>
          </p:cNvPr>
          <p:cNvSpPr>
            <a:spLocks noGrp="1"/>
          </p:cNvSpPr>
          <p:nvPr>
            <p:ph sz="quarter" idx="17" hasCustomPrompt="1"/>
          </p:nvPr>
        </p:nvSpPr>
        <p:spPr>
          <a:xfrm>
            <a:off x="625767"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31" name="Text Placeholder 30">
            <a:extLst>
              <a:ext uri="{FF2B5EF4-FFF2-40B4-BE49-F238E27FC236}">
                <a16:creationId xmlns:a16="http://schemas.microsoft.com/office/drawing/2014/main" id="{92953644-C739-AF3B-B10E-F4AA6294B5C9}"/>
              </a:ext>
            </a:extLst>
          </p:cNvPr>
          <p:cNvSpPr>
            <a:spLocks noGrp="1"/>
          </p:cNvSpPr>
          <p:nvPr>
            <p:ph type="body" sz="quarter" idx="20" hasCustomPrompt="1"/>
          </p:nvPr>
        </p:nvSpPr>
        <p:spPr>
          <a:xfrm>
            <a:off x="619125"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34" name="Text Placeholder 30">
            <a:extLst>
              <a:ext uri="{FF2B5EF4-FFF2-40B4-BE49-F238E27FC236}">
                <a16:creationId xmlns:a16="http://schemas.microsoft.com/office/drawing/2014/main" id="{C9A470FA-6461-F0F8-570E-73B52BB70633}"/>
              </a:ext>
            </a:extLst>
          </p:cNvPr>
          <p:cNvSpPr>
            <a:spLocks noGrp="1"/>
          </p:cNvSpPr>
          <p:nvPr>
            <p:ph type="body" sz="quarter" idx="21" hasCustomPrompt="1"/>
          </p:nvPr>
        </p:nvSpPr>
        <p:spPr>
          <a:xfrm>
            <a:off x="4351676"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35" name="Text Placeholder 30">
            <a:extLst>
              <a:ext uri="{FF2B5EF4-FFF2-40B4-BE49-F238E27FC236}">
                <a16:creationId xmlns:a16="http://schemas.microsoft.com/office/drawing/2014/main" id="{70716369-B129-9B6B-4BE1-DB6A601DBF0D}"/>
              </a:ext>
            </a:extLst>
          </p:cNvPr>
          <p:cNvSpPr>
            <a:spLocks noGrp="1"/>
          </p:cNvSpPr>
          <p:nvPr>
            <p:ph type="body" sz="quarter" idx="22" hasCustomPrompt="1"/>
          </p:nvPr>
        </p:nvSpPr>
        <p:spPr>
          <a:xfrm>
            <a:off x="8219138" y="4250421"/>
            <a:ext cx="3275013" cy="463550"/>
          </a:xfrm>
        </p:spPr>
        <p:txBody>
          <a:bodyPr anchor="ctr"/>
          <a:lstStyle>
            <a:lvl1pPr algn="ctr">
              <a:defRPr sz="2000" b="1">
                <a:solidFill>
                  <a:schemeClr val="tx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36" name="Text Placeholder 17">
            <a:extLst>
              <a:ext uri="{FF2B5EF4-FFF2-40B4-BE49-F238E27FC236}">
                <a16:creationId xmlns:a16="http://schemas.microsoft.com/office/drawing/2014/main" id="{7F36A939-59AA-3071-C0EC-42F2C8A7C0FF}"/>
              </a:ext>
            </a:extLst>
          </p:cNvPr>
          <p:cNvSpPr>
            <a:spLocks noGrp="1"/>
          </p:cNvSpPr>
          <p:nvPr>
            <p:ph type="body" sz="quarter" idx="2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308376141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xt Slide - Overview">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9B78AE-22B0-55D6-252C-D9F815E0E868}"/>
              </a:ext>
            </a:extLst>
          </p:cNvPr>
          <p:cNvSpPr>
            <a:spLocks noGrp="1"/>
          </p:cNvSpPr>
          <p:nvPr>
            <p:ph type="title"/>
          </p:nvPr>
        </p:nvSpPr>
        <p:spPr/>
        <p:txBody>
          <a:bodyPr/>
          <a:lstStyle/>
          <a:p>
            <a:r>
              <a:rPr lang="en-US"/>
              <a:t>Click to edit Master title style</a:t>
            </a:r>
            <a:endParaRPr lang="en-MX"/>
          </a:p>
        </p:txBody>
      </p:sp>
      <p:sp>
        <p:nvSpPr>
          <p:cNvPr id="4" name="Text Placeholder 7">
            <a:extLst>
              <a:ext uri="{FF2B5EF4-FFF2-40B4-BE49-F238E27FC236}">
                <a16:creationId xmlns:a16="http://schemas.microsoft.com/office/drawing/2014/main" id="{13242A30-5D7F-5847-541E-86978B42A6AC}"/>
              </a:ext>
            </a:extLst>
          </p:cNvPr>
          <p:cNvSpPr>
            <a:spLocks noGrp="1"/>
          </p:cNvSpPr>
          <p:nvPr>
            <p:ph type="body" sz="quarter" idx="13" hasCustomPrompt="1"/>
          </p:nvPr>
        </p:nvSpPr>
        <p:spPr>
          <a:xfrm>
            <a:off x="533400" y="1562100"/>
            <a:ext cx="2268794" cy="2097336"/>
          </a:xfrm>
          <a:solidFill>
            <a:schemeClr val="bg1"/>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5" name="Text Placeholder 8">
            <a:extLst>
              <a:ext uri="{FF2B5EF4-FFF2-40B4-BE49-F238E27FC236}">
                <a16:creationId xmlns:a16="http://schemas.microsoft.com/office/drawing/2014/main" id="{FDCE84F9-079A-6112-E7AD-43F527FBE0D0}"/>
              </a:ext>
            </a:extLst>
          </p:cNvPr>
          <p:cNvSpPr>
            <a:spLocks noGrp="1"/>
          </p:cNvSpPr>
          <p:nvPr>
            <p:ph type="body" sz="quarter" idx="14"/>
          </p:nvPr>
        </p:nvSpPr>
        <p:spPr>
          <a:xfrm>
            <a:off x="2986548" y="1562100"/>
            <a:ext cx="8786352" cy="2097336"/>
          </a:xfrm>
          <a:solidFill>
            <a:schemeClr val="bg1"/>
          </a:solidFill>
        </p:spPr>
        <p:txBody>
          <a:bodyPr lIns="182880" tIns="182880" rIns="182880"/>
          <a:lstStyle>
            <a:lvl1pPr>
              <a:defRPr sz="1600" b="0" i="0">
                <a:latin typeface="Nunito" pitchFamily="2" charset="77"/>
              </a:defRPr>
            </a:lvl1pPr>
          </a:lstStyle>
          <a:p>
            <a:endParaRPr lang="en-US"/>
          </a:p>
        </p:txBody>
      </p:sp>
      <p:sp>
        <p:nvSpPr>
          <p:cNvPr id="6" name="Text Placeholder 9">
            <a:extLst>
              <a:ext uri="{FF2B5EF4-FFF2-40B4-BE49-F238E27FC236}">
                <a16:creationId xmlns:a16="http://schemas.microsoft.com/office/drawing/2014/main" id="{633705D7-712B-CE67-9E04-B5911FCE8FE0}"/>
              </a:ext>
            </a:extLst>
          </p:cNvPr>
          <p:cNvSpPr>
            <a:spLocks noGrp="1"/>
          </p:cNvSpPr>
          <p:nvPr>
            <p:ph type="body" sz="quarter" idx="15" hasCustomPrompt="1"/>
          </p:nvPr>
        </p:nvSpPr>
        <p:spPr>
          <a:xfrm>
            <a:off x="533400" y="3814097"/>
            <a:ext cx="2268794" cy="2013214"/>
          </a:xfrm>
          <a:solidFill>
            <a:schemeClr val="bg1"/>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7" name="Text Placeholder 10">
            <a:extLst>
              <a:ext uri="{FF2B5EF4-FFF2-40B4-BE49-F238E27FC236}">
                <a16:creationId xmlns:a16="http://schemas.microsoft.com/office/drawing/2014/main" id="{B6A5441B-FC22-0A3D-997C-55EBC29F778C}"/>
              </a:ext>
            </a:extLst>
          </p:cNvPr>
          <p:cNvSpPr>
            <a:spLocks noGrp="1"/>
          </p:cNvSpPr>
          <p:nvPr>
            <p:ph type="body" sz="quarter" idx="16"/>
          </p:nvPr>
        </p:nvSpPr>
        <p:spPr>
          <a:xfrm>
            <a:off x="2986548" y="3814097"/>
            <a:ext cx="8786352" cy="2013214"/>
          </a:xfrm>
          <a:solidFill>
            <a:schemeClr val="bg1"/>
          </a:solidFill>
        </p:spPr>
        <p:txBody>
          <a:bodyPr lIns="182880" tIns="182880" rIns="182880"/>
          <a:lstStyle>
            <a:lvl1pPr>
              <a:defRPr sz="1600" b="0" i="0">
                <a:latin typeface="Nunito" pitchFamily="2" charset="77"/>
              </a:defRPr>
            </a:lvl1pPr>
          </a:lstStyle>
          <a:p>
            <a:endParaRPr lang="en-US"/>
          </a:p>
        </p:txBody>
      </p:sp>
      <p:sp>
        <p:nvSpPr>
          <p:cNvPr id="8" name="Text Placeholder 17">
            <a:extLst>
              <a:ext uri="{FF2B5EF4-FFF2-40B4-BE49-F238E27FC236}">
                <a16:creationId xmlns:a16="http://schemas.microsoft.com/office/drawing/2014/main" id="{89BD59AE-913E-3437-F582-60F1E8739C5B}"/>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28054960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Picture Slide 1">
    <p:spTree>
      <p:nvGrpSpPr>
        <p:cNvPr id="1" name=""/>
        <p:cNvGrpSpPr/>
        <p:nvPr/>
      </p:nvGrpSpPr>
      <p:grpSpPr>
        <a:xfrm>
          <a:off x="0" y="0"/>
          <a:ext cx="0" cy="0"/>
          <a:chOff x="0" y="0"/>
          <a:chExt cx="0" cy="0"/>
        </a:xfrm>
      </p:grpSpPr>
      <p:sp>
        <p:nvSpPr>
          <p:cNvPr id="3" name="Freeform 7">
            <a:extLst>
              <a:ext uri="{FF2B5EF4-FFF2-40B4-BE49-F238E27FC236}">
                <a16:creationId xmlns:a16="http://schemas.microsoft.com/office/drawing/2014/main" id="{872B3284-B707-4747-61D5-4533EF3ED40A}"/>
              </a:ext>
            </a:extLst>
          </p:cNvPr>
          <p:cNvSpPr/>
          <p:nvPr userDrawn="1"/>
        </p:nvSpPr>
        <p:spPr>
          <a:xfrm rot="5400000">
            <a:off x="5124701" y="-206656"/>
            <a:ext cx="1939957" cy="12189356"/>
          </a:xfrm>
          <a:custGeom>
            <a:avLst/>
            <a:gdLst>
              <a:gd name="connsiteX0" fmla="*/ 0 w 1939957"/>
              <a:gd name="connsiteY0" fmla="*/ 12189356 h 12189356"/>
              <a:gd name="connsiteX1" fmla="*/ 135624 w 1939957"/>
              <a:gd name="connsiteY1" fmla="*/ 11668883 h 12189356"/>
              <a:gd name="connsiteX2" fmla="*/ 594868 w 1939957"/>
              <a:gd name="connsiteY2" fmla="*/ 0 h 12189356"/>
              <a:gd name="connsiteX3" fmla="*/ 1939957 w 1939957"/>
              <a:gd name="connsiteY3" fmla="*/ 0 h 12189356"/>
              <a:gd name="connsiteX4" fmla="*/ 1939957 w 1939957"/>
              <a:gd name="connsiteY4" fmla="*/ 12189356 h 121893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39957" h="12189356">
                <a:moveTo>
                  <a:pt x="0" y="12189356"/>
                </a:moveTo>
                <a:lnTo>
                  <a:pt x="135624" y="11668883"/>
                </a:lnTo>
                <a:cubicBezTo>
                  <a:pt x="1468267" y="6309610"/>
                  <a:pt x="697612" y="1565973"/>
                  <a:pt x="594868" y="0"/>
                </a:cubicBezTo>
                <a:lnTo>
                  <a:pt x="1939957" y="0"/>
                </a:lnTo>
                <a:lnTo>
                  <a:pt x="1939957" y="12189356"/>
                </a:lnTo>
                <a:close/>
              </a:path>
            </a:pathLst>
          </a:custGeom>
          <a:solidFill>
            <a:schemeClr val="bg1"/>
          </a:solidFill>
          <a:ln w="2346" cap="flat">
            <a:noFill/>
            <a:prstDash val="solid"/>
            <a:miter/>
          </a:ln>
        </p:spPr>
        <p:txBody>
          <a:bodyPr rtlCol="0" anchor="ctr"/>
          <a:lstStyle/>
          <a:p>
            <a:endParaRPr lang="en-MX"/>
          </a:p>
        </p:txBody>
      </p:sp>
      <p:sp>
        <p:nvSpPr>
          <p:cNvPr id="4" name="Picture Placeholder 14">
            <a:extLst>
              <a:ext uri="{FF2B5EF4-FFF2-40B4-BE49-F238E27FC236}">
                <a16:creationId xmlns:a16="http://schemas.microsoft.com/office/drawing/2014/main" id="{D72848D2-9E78-C054-DD0C-C468BAE04DD4}"/>
              </a:ext>
            </a:extLst>
          </p:cNvPr>
          <p:cNvSpPr>
            <a:spLocks noGrp="1"/>
          </p:cNvSpPr>
          <p:nvPr>
            <p:ph type="pic" sz="quarter" idx="11"/>
          </p:nvPr>
        </p:nvSpPr>
        <p:spPr bwMode="auto">
          <a:xfrm>
            <a:off x="-1" y="-7464"/>
            <a:ext cx="12192001" cy="5857211"/>
          </a:xfrm>
          <a:custGeom>
            <a:avLst/>
            <a:gdLst>
              <a:gd name="connsiteX0" fmla="*/ 0 w 12192000"/>
              <a:gd name="connsiteY0" fmla="*/ 0 h 5888038"/>
              <a:gd name="connsiteX1" fmla="*/ 12192000 w 12192000"/>
              <a:gd name="connsiteY1" fmla="*/ 0 h 5888038"/>
              <a:gd name="connsiteX2" fmla="*/ 12192000 w 12192000"/>
              <a:gd name="connsiteY2" fmla="*/ 5888038 h 5888038"/>
              <a:gd name="connsiteX3" fmla="*/ 0 w 12192000"/>
              <a:gd name="connsiteY3" fmla="*/ 5888038 h 5888038"/>
              <a:gd name="connsiteX4" fmla="*/ 0 w 12192000"/>
              <a:gd name="connsiteY4" fmla="*/ 0 h 5888038"/>
              <a:gd name="connsiteX0" fmla="*/ 17584 w 12209584"/>
              <a:gd name="connsiteY0" fmla="*/ 0 h 5888038"/>
              <a:gd name="connsiteX1" fmla="*/ 12209584 w 12209584"/>
              <a:gd name="connsiteY1" fmla="*/ 0 h 5888038"/>
              <a:gd name="connsiteX2" fmla="*/ 12209584 w 12209584"/>
              <a:gd name="connsiteY2" fmla="*/ 5888038 h 5888038"/>
              <a:gd name="connsiteX3" fmla="*/ 0 w 12209584"/>
              <a:gd name="connsiteY3" fmla="*/ 4938469 h 5888038"/>
              <a:gd name="connsiteX4" fmla="*/ 17584 w 12209584"/>
              <a:gd name="connsiteY4" fmla="*/ 0 h 5888038"/>
              <a:gd name="connsiteX0" fmla="*/ 17584 w 12209584"/>
              <a:gd name="connsiteY0" fmla="*/ 0 h 5888038"/>
              <a:gd name="connsiteX1" fmla="*/ 12209584 w 12209584"/>
              <a:gd name="connsiteY1" fmla="*/ 0 h 5888038"/>
              <a:gd name="connsiteX2" fmla="*/ 12209584 w 12209584"/>
              <a:gd name="connsiteY2" fmla="*/ 5888038 h 5888038"/>
              <a:gd name="connsiteX3" fmla="*/ 0 w 12209584"/>
              <a:gd name="connsiteY3" fmla="*/ 4938469 h 5888038"/>
              <a:gd name="connsiteX4" fmla="*/ 17584 w 12209584"/>
              <a:gd name="connsiteY4" fmla="*/ 0 h 5888038"/>
              <a:gd name="connsiteX0" fmla="*/ 17584 w 12227169"/>
              <a:gd name="connsiteY0" fmla="*/ 0 h 5621628"/>
              <a:gd name="connsiteX1" fmla="*/ 12209584 w 12227169"/>
              <a:gd name="connsiteY1" fmla="*/ 0 h 5621628"/>
              <a:gd name="connsiteX2" fmla="*/ 12227169 w 12227169"/>
              <a:gd name="connsiteY2" fmla="*/ 5518761 h 5621628"/>
              <a:gd name="connsiteX3" fmla="*/ 0 w 12227169"/>
              <a:gd name="connsiteY3" fmla="*/ 4938469 h 5621628"/>
              <a:gd name="connsiteX4" fmla="*/ 17584 w 12227169"/>
              <a:gd name="connsiteY4" fmla="*/ 0 h 5621628"/>
              <a:gd name="connsiteX0" fmla="*/ 17584 w 12227169"/>
              <a:gd name="connsiteY0" fmla="*/ 0 h 5829592"/>
              <a:gd name="connsiteX1" fmla="*/ 12209584 w 12227169"/>
              <a:gd name="connsiteY1" fmla="*/ 0 h 5829592"/>
              <a:gd name="connsiteX2" fmla="*/ 12227169 w 12227169"/>
              <a:gd name="connsiteY2" fmla="*/ 5518761 h 5829592"/>
              <a:gd name="connsiteX3" fmla="*/ 0 w 12227169"/>
              <a:gd name="connsiteY3" fmla="*/ 4938469 h 5829592"/>
              <a:gd name="connsiteX4" fmla="*/ 17584 w 12227169"/>
              <a:gd name="connsiteY4" fmla="*/ 0 h 5829592"/>
              <a:gd name="connsiteX0" fmla="*/ 17584 w 12227169"/>
              <a:gd name="connsiteY0" fmla="*/ 0 h 5857211"/>
              <a:gd name="connsiteX1" fmla="*/ 12209584 w 12227169"/>
              <a:gd name="connsiteY1" fmla="*/ 0 h 5857211"/>
              <a:gd name="connsiteX2" fmla="*/ 12227169 w 12227169"/>
              <a:gd name="connsiteY2" fmla="*/ 5518761 h 5857211"/>
              <a:gd name="connsiteX3" fmla="*/ 0 w 12227169"/>
              <a:gd name="connsiteY3" fmla="*/ 4938469 h 5857211"/>
              <a:gd name="connsiteX4" fmla="*/ 17584 w 12227169"/>
              <a:gd name="connsiteY4" fmla="*/ 0 h 585721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27169" h="5857211">
                <a:moveTo>
                  <a:pt x="17584" y="0"/>
                </a:moveTo>
                <a:lnTo>
                  <a:pt x="12209584" y="0"/>
                </a:lnTo>
                <a:cubicBezTo>
                  <a:pt x="12215446" y="1839587"/>
                  <a:pt x="12221307" y="3679174"/>
                  <a:pt x="12227169" y="5518761"/>
                </a:cubicBezTo>
                <a:cubicBezTo>
                  <a:pt x="8544169" y="5870454"/>
                  <a:pt x="5142522" y="6257315"/>
                  <a:pt x="0" y="4938469"/>
                </a:cubicBezTo>
                <a:cubicBezTo>
                  <a:pt x="5861" y="3292313"/>
                  <a:pt x="11723" y="1646156"/>
                  <a:pt x="17584" y="0"/>
                </a:cubicBezTo>
                <a:close/>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MX"/>
          </a:p>
        </p:txBody>
      </p:sp>
      <p:sp>
        <p:nvSpPr>
          <p:cNvPr id="5" name="Title 1">
            <a:extLst>
              <a:ext uri="{FF2B5EF4-FFF2-40B4-BE49-F238E27FC236}">
                <a16:creationId xmlns:a16="http://schemas.microsoft.com/office/drawing/2014/main" id="{2940953E-6ED7-9E64-DB4E-CB9E2292E08B}"/>
              </a:ext>
            </a:extLst>
          </p:cNvPr>
          <p:cNvSpPr>
            <a:spLocks noGrp="1"/>
          </p:cNvSpPr>
          <p:nvPr>
            <p:ph type="title"/>
          </p:nvPr>
        </p:nvSpPr>
        <p:spPr>
          <a:xfrm>
            <a:off x="1347451" y="2264878"/>
            <a:ext cx="8770909" cy="1659901"/>
          </a:xfrm>
        </p:spPr>
        <p:txBody>
          <a:bodyPr anchor="ctr"/>
          <a:lstStyle>
            <a:lvl1pPr algn="l" rtl="0" eaLnBrk="0" fontAlgn="base" hangingPunct="0">
              <a:spcBef>
                <a:spcPct val="0"/>
              </a:spcBef>
              <a:spcAft>
                <a:spcPct val="0"/>
              </a:spcAft>
              <a:defRPr lang="en-MX" sz="6800" kern="1200" dirty="0">
                <a:solidFill>
                  <a:schemeClr val="bg1"/>
                </a:solidFill>
                <a:latin typeface="Lora Medium" pitchFamily="2" charset="77"/>
                <a:ea typeface="+mn-ea"/>
                <a:cs typeface="+mn-cs"/>
              </a:defRPr>
            </a:lvl1pPr>
          </a:lstStyle>
          <a:p>
            <a:r>
              <a:rPr lang="en-US"/>
              <a:t>Click to edit Master title style</a:t>
            </a:r>
            <a:endParaRPr lang="en-MX"/>
          </a:p>
        </p:txBody>
      </p:sp>
      <p:pic>
        <p:nvPicPr>
          <p:cNvPr id="6" name="Graphic 5">
            <a:extLst>
              <a:ext uri="{FF2B5EF4-FFF2-40B4-BE49-F238E27FC236}">
                <a16:creationId xmlns:a16="http://schemas.microsoft.com/office/drawing/2014/main" id="{E951B5D6-D78E-1B5F-DFD6-3060AFE1A9D6}"/>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119006155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xt Slide - Picture 1">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A5A4C05-ACA2-0650-7E5F-B530C1F0E978}"/>
              </a:ext>
            </a:extLst>
          </p:cNvPr>
          <p:cNvSpPr>
            <a:spLocks noGrp="1"/>
          </p:cNvSpPr>
          <p:nvPr>
            <p:ph type="title" hasCustomPrompt="1"/>
          </p:nvPr>
        </p:nvSpPr>
        <p:spPr>
          <a:xfrm>
            <a:off x="545276" y="833695"/>
            <a:ext cx="4930238" cy="737359"/>
          </a:xfrm>
        </p:spPr>
        <p:txBody>
          <a:bodyPr/>
          <a:lstStyle/>
          <a:p>
            <a:r>
              <a:rPr lang="en-US"/>
              <a:t>Click to edit Master</a:t>
            </a:r>
            <a:br>
              <a:rPr lang="en-US"/>
            </a:br>
            <a:r>
              <a:rPr lang="en-US"/>
              <a:t>title style</a:t>
            </a:r>
            <a:endParaRPr lang="en-MX"/>
          </a:p>
        </p:txBody>
      </p:sp>
      <p:sp>
        <p:nvSpPr>
          <p:cNvPr id="4" name="Content Placeholder 8">
            <a:extLst>
              <a:ext uri="{FF2B5EF4-FFF2-40B4-BE49-F238E27FC236}">
                <a16:creationId xmlns:a16="http://schemas.microsoft.com/office/drawing/2014/main" id="{010ADAF1-A334-B31D-413B-6E9A1C50478B}"/>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Text Placeholder 17">
            <a:extLst>
              <a:ext uri="{FF2B5EF4-FFF2-40B4-BE49-F238E27FC236}">
                <a16:creationId xmlns:a16="http://schemas.microsoft.com/office/drawing/2014/main" id="{EC2691F2-CC3C-F2C1-0EC1-C0DA9F47C7F6}"/>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6" name="Text Placeholder 17">
            <a:extLst>
              <a:ext uri="{FF2B5EF4-FFF2-40B4-BE49-F238E27FC236}">
                <a16:creationId xmlns:a16="http://schemas.microsoft.com/office/drawing/2014/main" id="{72785A8F-EF82-4634-FE29-1FFC9AE28310}"/>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7" name="Picture Placeholder 25">
            <a:extLst>
              <a:ext uri="{FF2B5EF4-FFF2-40B4-BE49-F238E27FC236}">
                <a16:creationId xmlns:a16="http://schemas.microsoft.com/office/drawing/2014/main" id="{B98C0FAB-9C71-E0B4-CF15-D1BC0080B8EE}"/>
              </a:ext>
            </a:extLst>
          </p:cNvPr>
          <p:cNvSpPr>
            <a:spLocks noGrp="1"/>
          </p:cNvSpPr>
          <p:nvPr>
            <p:ph type="pic" sz="quarter" idx="11" hasCustomPrompt="1"/>
          </p:nvPr>
        </p:nvSpPr>
        <p:spPr bwMode="auto">
          <a:xfrm>
            <a:off x="5480626" y="-10452"/>
            <a:ext cx="6735132" cy="6000315"/>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841527 w 5717615"/>
              <a:gd name="connsiteY0" fmla="*/ 0 h 6891678"/>
              <a:gd name="connsiteX1" fmla="*/ 5716935 w 5717615"/>
              <a:gd name="connsiteY1" fmla="*/ 7150 h 6891678"/>
              <a:gd name="connsiteX2" fmla="*/ 5700012 w 5717615"/>
              <a:gd name="connsiteY2" fmla="*/ 6891678 h 6891678"/>
              <a:gd name="connsiteX3" fmla="*/ 363243 w 5717615"/>
              <a:gd name="connsiteY3" fmla="*/ 6888011 h 6891678"/>
              <a:gd name="connsiteX4" fmla="*/ 841527 w 5717615"/>
              <a:gd name="connsiteY4" fmla="*/ 0 h 689167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17615" h="6891678">
                <a:moveTo>
                  <a:pt x="841527" y="0"/>
                </a:moveTo>
                <a:lnTo>
                  <a:pt x="5716935" y="7150"/>
                </a:lnTo>
                <a:cubicBezTo>
                  <a:pt x="5722948" y="49091"/>
                  <a:pt x="5686763" y="6886972"/>
                  <a:pt x="5700012" y="6891678"/>
                </a:cubicBezTo>
                <a:lnTo>
                  <a:pt x="363243" y="6888011"/>
                </a:lnTo>
                <a:cubicBezTo>
                  <a:pt x="-301484" y="3874568"/>
                  <a:pt x="-2164" y="1490537"/>
                  <a:pt x="841527" y="0"/>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130929675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xt Slide - Picture 2">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6C16B69B-A772-93AB-A9AE-86E0F238696A}"/>
              </a:ext>
            </a:extLst>
          </p:cNvPr>
          <p:cNvSpPr>
            <a:spLocks noGrp="1"/>
          </p:cNvSpPr>
          <p:nvPr>
            <p:ph type="title"/>
          </p:nvPr>
        </p:nvSpPr>
        <p:spPr>
          <a:xfrm>
            <a:off x="545276" y="833695"/>
            <a:ext cx="5990436" cy="737359"/>
          </a:xfrm>
        </p:spPr>
        <p:txBody>
          <a:bodyPr/>
          <a:lstStyle/>
          <a:p>
            <a:r>
              <a:rPr lang="en-US"/>
              <a:t>Click to edit Master title style</a:t>
            </a:r>
            <a:endParaRPr lang="en-MX"/>
          </a:p>
        </p:txBody>
      </p:sp>
      <p:sp>
        <p:nvSpPr>
          <p:cNvPr id="4" name="Content Placeholder 8">
            <a:extLst>
              <a:ext uri="{FF2B5EF4-FFF2-40B4-BE49-F238E27FC236}">
                <a16:creationId xmlns:a16="http://schemas.microsoft.com/office/drawing/2014/main" id="{100A297A-FC97-279F-4FCB-81BB489FBE7D}"/>
              </a:ext>
            </a:extLst>
          </p:cNvPr>
          <p:cNvSpPr>
            <a:spLocks noGrp="1"/>
          </p:cNvSpPr>
          <p:nvPr>
            <p:ph sz="quarter" idx="10" hasCustomPrompt="1"/>
          </p:nvPr>
        </p:nvSpPr>
        <p:spPr>
          <a:xfrm>
            <a:off x="545275" y="2333042"/>
            <a:ext cx="5990436"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Text Placeholder 17">
            <a:extLst>
              <a:ext uri="{FF2B5EF4-FFF2-40B4-BE49-F238E27FC236}">
                <a16:creationId xmlns:a16="http://schemas.microsoft.com/office/drawing/2014/main" id="{6317108A-9E42-8D7A-5EFD-9430311715AE}"/>
              </a:ext>
            </a:extLst>
          </p:cNvPr>
          <p:cNvSpPr>
            <a:spLocks noGrp="1"/>
          </p:cNvSpPr>
          <p:nvPr>
            <p:ph type="body" sz="quarter" idx="12"/>
          </p:nvPr>
        </p:nvSpPr>
        <p:spPr>
          <a:xfrm>
            <a:off x="545275" y="1823776"/>
            <a:ext cx="5990436"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6" name="Text Placeholder 17">
            <a:extLst>
              <a:ext uri="{FF2B5EF4-FFF2-40B4-BE49-F238E27FC236}">
                <a16:creationId xmlns:a16="http://schemas.microsoft.com/office/drawing/2014/main" id="{EF859F06-6306-9FC5-928B-DECD89701CF6}"/>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2" name="Picture Placeholder 25">
            <a:extLst>
              <a:ext uri="{FF2B5EF4-FFF2-40B4-BE49-F238E27FC236}">
                <a16:creationId xmlns:a16="http://schemas.microsoft.com/office/drawing/2014/main" id="{99E432E9-95A1-7D9F-DAA2-4FEC9B23C122}"/>
              </a:ext>
            </a:extLst>
          </p:cNvPr>
          <p:cNvSpPr>
            <a:spLocks noGrp="1"/>
          </p:cNvSpPr>
          <p:nvPr>
            <p:ph type="pic" sz="quarter" idx="18" hasCustomPrompt="1"/>
          </p:nvPr>
        </p:nvSpPr>
        <p:spPr bwMode="auto">
          <a:xfrm>
            <a:off x="7034021" y="-4226"/>
            <a:ext cx="5161220" cy="6000146"/>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1069131 w 5637143"/>
              <a:gd name="connsiteY0" fmla="*/ 1672 h 6884528"/>
              <a:gd name="connsiteX1" fmla="*/ 5636463 w 5637143"/>
              <a:gd name="connsiteY1" fmla="*/ 0 h 6884528"/>
              <a:gd name="connsiteX2" fmla="*/ 5619540 w 5637143"/>
              <a:gd name="connsiteY2" fmla="*/ 6884528 h 6884528"/>
              <a:gd name="connsiteX3" fmla="*/ 282771 w 5637143"/>
              <a:gd name="connsiteY3" fmla="*/ 6880861 h 6884528"/>
              <a:gd name="connsiteX4" fmla="*/ 1069131 w 5637143"/>
              <a:gd name="connsiteY4" fmla="*/ 1672 h 6884528"/>
              <a:gd name="connsiteX0" fmla="*/ 1303528 w 5871540"/>
              <a:gd name="connsiteY0" fmla="*/ 1672 h 6884528"/>
              <a:gd name="connsiteX1" fmla="*/ 5870860 w 5871540"/>
              <a:gd name="connsiteY1" fmla="*/ 0 h 6884528"/>
              <a:gd name="connsiteX2" fmla="*/ 5853937 w 5871540"/>
              <a:gd name="connsiteY2" fmla="*/ 6884528 h 6884528"/>
              <a:gd name="connsiteX3" fmla="*/ 517168 w 5871540"/>
              <a:gd name="connsiteY3" fmla="*/ 6880861 h 6884528"/>
              <a:gd name="connsiteX4" fmla="*/ 1303528 w 5871540"/>
              <a:gd name="connsiteY4" fmla="*/ 1672 h 6884528"/>
              <a:gd name="connsiteX0" fmla="*/ 1092799 w 5660811"/>
              <a:gd name="connsiteY0" fmla="*/ 1672 h 6884528"/>
              <a:gd name="connsiteX1" fmla="*/ 5660131 w 5660811"/>
              <a:gd name="connsiteY1" fmla="*/ 0 h 6884528"/>
              <a:gd name="connsiteX2" fmla="*/ 5643208 w 5660811"/>
              <a:gd name="connsiteY2" fmla="*/ 6884528 h 6884528"/>
              <a:gd name="connsiteX3" fmla="*/ 715427 w 5660811"/>
              <a:gd name="connsiteY3" fmla="*/ 6880862 h 6884528"/>
              <a:gd name="connsiteX4" fmla="*/ 1092799 w 5660811"/>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395571 w 5963583"/>
              <a:gd name="connsiteY0" fmla="*/ 1672 h 6884528"/>
              <a:gd name="connsiteX1" fmla="*/ 5962903 w 5963583"/>
              <a:gd name="connsiteY1" fmla="*/ 0 h 6884528"/>
              <a:gd name="connsiteX2" fmla="*/ 5945980 w 5963583"/>
              <a:gd name="connsiteY2" fmla="*/ 6884528 h 6884528"/>
              <a:gd name="connsiteX3" fmla="*/ 1018199 w 5963583"/>
              <a:gd name="connsiteY3" fmla="*/ 6880862 h 6884528"/>
              <a:gd name="connsiteX4" fmla="*/ 1395571 w 5963583"/>
              <a:gd name="connsiteY4" fmla="*/ 1672 h 6884528"/>
              <a:gd name="connsiteX0" fmla="*/ 1514168 w 6082180"/>
              <a:gd name="connsiteY0" fmla="*/ 1672 h 6917077"/>
              <a:gd name="connsiteX1" fmla="*/ 6081500 w 6082180"/>
              <a:gd name="connsiteY1" fmla="*/ 0 h 6917077"/>
              <a:gd name="connsiteX2" fmla="*/ 6064577 w 6082180"/>
              <a:gd name="connsiteY2" fmla="*/ 6884528 h 6917077"/>
              <a:gd name="connsiteX3" fmla="*/ 932303 w 6082180"/>
              <a:gd name="connsiteY3" fmla="*/ 6917077 h 6917077"/>
              <a:gd name="connsiteX4" fmla="*/ 1514168 w 6082180"/>
              <a:gd name="connsiteY4" fmla="*/ 1672 h 6917077"/>
              <a:gd name="connsiteX0" fmla="*/ 1514168 w 6082180"/>
              <a:gd name="connsiteY0" fmla="*/ 1672 h 6888224"/>
              <a:gd name="connsiteX1" fmla="*/ 6081500 w 6082180"/>
              <a:gd name="connsiteY1" fmla="*/ 0 h 6888224"/>
              <a:gd name="connsiteX2" fmla="*/ 6064577 w 6082180"/>
              <a:gd name="connsiteY2" fmla="*/ 6884528 h 6888224"/>
              <a:gd name="connsiteX3" fmla="*/ 932303 w 6082180"/>
              <a:gd name="connsiteY3" fmla="*/ 6888224 h 6888224"/>
              <a:gd name="connsiteX4" fmla="*/ 1514168 w 6082180"/>
              <a:gd name="connsiteY4" fmla="*/ 1672 h 6888224"/>
              <a:gd name="connsiteX0" fmla="*/ 1514168 w 6085999"/>
              <a:gd name="connsiteY0" fmla="*/ 1672 h 6891484"/>
              <a:gd name="connsiteX1" fmla="*/ 6081500 w 6085999"/>
              <a:gd name="connsiteY1" fmla="*/ 0 h 6891484"/>
              <a:gd name="connsiteX2" fmla="*/ 6085999 w 6085999"/>
              <a:gd name="connsiteY2" fmla="*/ 6891484 h 6891484"/>
              <a:gd name="connsiteX3" fmla="*/ 932303 w 6085999"/>
              <a:gd name="connsiteY3" fmla="*/ 6888224 h 6891484"/>
              <a:gd name="connsiteX4" fmla="*/ 1514168 w 6085999"/>
              <a:gd name="connsiteY4" fmla="*/ 1672 h 68914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85999" h="6891484">
                <a:moveTo>
                  <a:pt x="1514168" y="1672"/>
                </a:moveTo>
                <a:lnTo>
                  <a:pt x="6081500" y="0"/>
                </a:lnTo>
                <a:cubicBezTo>
                  <a:pt x="6087513" y="41941"/>
                  <a:pt x="6072750" y="6886778"/>
                  <a:pt x="6085999" y="6891484"/>
                </a:cubicBezTo>
                <a:lnTo>
                  <a:pt x="932303" y="6888224"/>
                </a:lnTo>
                <a:cubicBezTo>
                  <a:pt x="-531809" y="4689621"/>
                  <a:pt x="-221861" y="1437887"/>
                  <a:pt x="1514168" y="167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3070487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Slide - Picture 3">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0C8D48B1-853C-D044-E539-C260A1BD5667}"/>
              </a:ext>
            </a:extLst>
          </p:cNvPr>
          <p:cNvSpPr>
            <a:spLocks noGrp="1"/>
          </p:cNvSpPr>
          <p:nvPr>
            <p:ph type="title"/>
          </p:nvPr>
        </p:nvSpPr>
        <p:spPr>
          <a:xfrm>
            <a:off x="545276" y="833695"/>
            <a:ext cx="7369532" cy="737359"/>
          </a:xfrm>
        </p:spPr>
        <p:txBody>
          <a:bodyPr/>
          <a:lstStyle/>
          <a:p>
            <a:r>
              <a:rPr lang="en-US"/>
              <a:t>Click to edit Master title style</a:t>
            </a:r>
            <a:endParaRPr lang="en-MX"/>
          </a:p>
        </p:txBody>
      </p:sp>
      <p:sp>
        <p:nvSpPr>
          <p:cNvPr id="4" name="Content Placeholder 8">
            <a:extLst>
              <a:ext uri="{FF2B5EF4-FFF2-40B4-BE49-F238E27FC236}">
                <a16:creationId xmlns:a16="http://schemas.microsoft.com/office/drawing/2014/main" id="{7010965D-87FB-A3BA-7A0A-96D4E4E85868}"/>
              </a:ext>
            </a:extLst>
          </p:cNvPr>
          <p:cNvSpPr>
            <a:spLocks noGrp="1"/>
          </p:cNvSpPr>
          <p:nvPr>
            <p:ph sz="quarter" idx="10" hasCustomPrompt="1"/>
          </p:nvPr>
        </p:nvSpPr>
        <p:spPr>
          <a:xfrm>
            <a:off x="545275" y="2333042"/>
            <a:ext cx="7369532"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Text Placeholder 17">
            <a:extLst>
              <a:ext uri="{FF2B5EF4-FFF2-40B4-BE49-F238E27FC236}">
                <a16:creationId xmlns:a16="http://schemas.microsoft.com/office/drawing/2014/main" id="{BD42DBDB-0F7E-FD90-88C5-FE0AC23FB6A6}"/>
              </a:ext>
            </a:extLst>
          </p:cNvPr>
          <p:cNvSpPr>
            <a:spLocks noGrp="1"/>
          </p:cNvSpPr>
          <p:nvPr>
            <p:ph type="body" sz="quarter" idx="12"/>
          </p:nvPr>
        </p:nvSpPr>
        <p:spPr>
          <a:xfrm>
            <a:off x="545275" y="1823776"/>
            <a:ext cx="7369532"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6" name="Text Placeholder 17">
            <a:extLst>
              <a:ext uri="{FF2B5EF4-FFF2-40B4-BE49-F238E27FC236}">
                <a16:creationId xmlns:a16="http://schemas.microsoft.com/office/drawing/2014/main" id="{BE0E62D8-58F7-AD94-85B0-8E1704D29FA3}"/>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2" name="Picture Placeholder 25">
            <a:extLst>
              <a:ext uri="{FF2B5EF4-FFF2-40B4-BE49-F238E27FC236}">
                <a16:creationId xmlns:a16="http://schemas.microsoft.com/office/drawing/2014/main" id="{33ADB6EF-02D3-CAD1-808B-E11EBCF06617}"/>
              </a:ext>
            </a:extLst>
          </p:cNvPr>
          <p:cNvSpPr>
            <a:spLocks noGrp="1"/>
          </p:cNvSpPr>
          <p:nvPr>
            <p:ph type="pic" sz="quarter" idx="11" hasCustomPrompt="1"/>
          </p:nvPr>
        </p:nvSpPr>
        <p:spPr bwMode="auto">
          <a:xfrm>
            <a:off x="8811864" y="13008"/>
            <a:ext cx="3389860" cy="5975097"/>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140913"/>
              <a:gd name="connsiteY0" fmla="*/ 0 h 6844972"/>
              <a:gd name="connsiteX1" fmla="*/ 3786270 w 4140913"/>
              <a:gd name="connsiteY1" fmla="*/ 0 h 6844972"/>
              <a:gd name="connsiteX2" fmla="*/ 3355997 w 4140913"/>
              <a:gd name="connsiteY2" fmla="*/ 6844972 h 6844972"/>
              <a:gd name="connsiteX3" fmla="*/ 0 w 4140913"/>
              <a:gd name="connsiteY3" fmla="*/ 6844972 h 6844972"/>
              <a:gd name="connsiteX4" fmla="*/ 0 w 4140913"/>
              <a:gd name="connsiteY4" fmla="*/ 0 h 6844972"/>
              <a:gd name="connsiteX0" fmla="*/ 0 w 3997109"/>
              <a:gd name="connsiteY0" fmla="*/ 0 h 6844972"/>
              <a:gd name="connsiteX1" fmla="*/ 3786270 w 3997109"/>
              <a:gd name="connsiteY1" fmla="*/ 0 h 6844972"/>
              <a:gd name="connsiteX2" fmla="*/ 3355997 w 3997109"/>
              <a:gd name="connsiteY2" fmla="*/ 6844972 h 6844972"/>
              <a:gd name="connsiteX3" fmla="*/ 0 w 3997109"/>
              <a:gd name="connsiteY3" fmla="*/ 6844972 h 6844972"/>
              <a:gd name="connsiteX4" fmla="*/ 0 w 3997109"/>
              <a:gd name="connsiteY4" fmla="*/ 0 h 6844972"/>
              <a:gd name="connsiteX0" fmla="*/ 0 w 4414471"/>
              <a:gd name="connsiteY0" fmla="*/ 0 h 6844972"/>
              <a:gd name="connsiteX1" fmla="*/ 3786270 w 4414471"/>
              <a:gd name="connsiteY1" fmla="*/ 0 h 6844972"/>
              <a:gd name="connsiteX2" fmla="*/ 3355997 w 4414471"/>
              <a:gd name="connsiteY2" fmla="*/ 6844972 h 6844972"/>
              <a:gd name="connsiteX3" fmla="*/ 0 w 4414471"/>
              <a:gd name="connsiteY3" fmla="*/ 6844972 h 6844972"/>
              <a:gd name="connsiteX4" fmla="*/ 0 w 4414471"/>
              <a:gd name="connsiteY4" fmla="*/ 0 h 6844972"/>
              <a:gd name="connsiteX0" fmla="*/ 0 w 4407673"/>
              <a:gd name="connsiteY0" fmla="*/ 0 h 6844972"/>
              <a:gd name="connsiteX1" fmla="*/ 3786270 w 4407673"/>
              <a:gd name="connsiteY1" fmla="*/ 0 h 6844972"/>
              <a:gd name="connsiteX2" fmla="*/ 3355997 w 4407673"/>
              <a:gd name="connsiteY2" fmla="*/ 6844972 h 6844972"/>
              <a:gd name="connsiteX3" fmla="*/ 0 w 4407673"/>
              <a:gd name="connsiteY3" fmla="*/ 6844972 h 6844972"/>
              <a:gd name="connsiteX4" fmla="*/ 0 w 4407673"/>
              <a:gd name="connsiteY4" fmla="*/ 0 h 6844972"/>
              <a:gd name="connsiteX0" fmla="*/ 0 w 4429673"/>
              <a:gd name="connsiteY0" fmla="*/ 0 h 6844972"/>
              <a:gd name="connsiteX1" fmla="*/ 3786270 w 4429673"/>
              <a:gd name="connsiteY1" fmla="*/ 0 h 6844972"/>
              <a:gd name="connsiteX2" fmla="*/ 3355997 w 4429673"/>
              <a:gd name="connsiteY2" fmla="*/ 6844972 h 6844972"/>
              <a:gd name="connsiteX3" fmla="*/ 0 w 4429673"/>
              <a:gd name="connsiteY3" fmla="*/ 6844972 h 6844972"/>
              <a:gd name="connsiteX4" fmla="*/ 0 w 4429673"/>
              <a:gd name="connsiteY4" fmla="*/ 0 h 6844972"/>
              <a:gd name="connsiteX0" fmla="*/ 0 w 4946879"/>
              <a:gd name="connsiteY0" fmla="*/ 0 h 6844972"/>
              <a:gd name="connsiteX1" fmla="*/ 4426832 w 4946879"/>
              <a:gd name="connsiteY1" fmla="*/ 0 h 6844972"/>
              <a:gd name="connsiteX2" fmla="*/ 3355997 w 4946879"/>
              <a:gd name="connsiteY2" fmla="*/ 6844972 h 6844972"/>
              <a:gd name="connsiteX3" fmla="*/ 0 w 4946879"/>
              <a:gd name="connsiteY3" fmla="*/ 6844972 h 6844972"/>
              <a:gd name="connsiteX4" fmla="*/ 0 w 4946879"/>
              <a:gd name="connsiteY4" fmla="*/ 0 h 6844972"/>
              <a:gd name="connsiteX0" fmla="*/ 0 w 4426832"/>
              <a:gd name="connsiteY0" fmla="*/ 36 h 6845008"/>
              <a:gd name="connsiteX1" fmla="*/ 4426832 w 4426832"/>
              <a:gd name="connsiteY1" fmla="*/ 36 h 6845008"/>
              <a:gd name="connsiteX2" fmla="*/ 3355997 w 4426832"/>
              <a:gd name="connsiteY2" fmla="*/ 6845008 h 6845008"/>
              <a:gd name="connsiteX3" fmla="*/ 0 w 4426832"/>
              <a:gd name="connsiteY3" fmla="*/ 6845008 h 6845008"/>
              <a:gd name="connsiteX4" fmla="*/ 0 w 4426832"/>
              <a:gd name="connsiteY4" fmla="*/ 36 h 6845008"/>
              <a:gd name="connsiteX0" fmla="*/ 0 w 4596489"/>
              <a:gd name="connsiteY0" fmla="*/ 36 h 6845008"/>
              <a:gd name="connsiteX1" fmla="*/ 4426832 w 4596489"/>
              <a:gd name="connsiteY1" fmla="*/ 36 h 6845008"/>
              <a:gd name="connsiteX2" fmla="*/ 4423601 w 4596489"/>
              <a:gd name="connsiteY2" fmla="*/ 6845008 h 6845008"/>
              <a:gd name="connsiteX3" fmla="*/ 0 w 4596489"/>
              <a:gd name="connsiteY3" fmla="*/ 6845008 h 6845008"/>
              <a:gd name="connsiteX4" fmla="*/ 0 w 4596489"/>
              <a:gd name="connsiteY4" fmla="*/ 36 h 6845008"/>
              <a:gd name="connsiteX0" fmla="*/ 0 w 4426832"/>
              <a:gd name="connsiteY0" fmla="*/ 22 h 6844994"/>
              <a:gd name="connsiteX1" fmla="*/ 4426832 w 4426832"/>
              <a:gd name="connsiteY1" fmla="*/ 22 h 6844994"/>
              <a:gd name="connsiteX2" fmla="*/ 4423601 w 4426832"/>
              <a:gd name="connsiteY2" fmla="*/ 6844994 h 6844994"/>
              <a:gd name="connsiteX3" fmla="*/ 0 w 4426832"/>
              <a:gd name="connsiteY3" fmla="*/ 6844994 h 6844994"/>
              <a:gd name="connsiteX4" fmla="*/ 0 w 4426832"/>
              <a:gd name="connsiteY4" fmla="*/ 22 h 6844994"/>
              <a:gd name="connsiteX0" fmla="*/ 695919 w 5122751"/>
              <a:gd name="connsiteY0" fmla="*/ 22 h 6844994"/>
              <a:gd name="connsiteX1" fmla="*/ 5122751 w 5122751"/>
              <a:gd name="connsiteY1" fmla="*/ 22 h 6844994"/>
              <a:gd name="connsiteX2" fmla="*/ 5119520 w 5122751"/>
              <a:gd name="connsiteY2" fmla="*/ 6844994 h 6844994"/>
              <a:gd name="connsiteX3" fmla="*/ 695919 w 5122751"/>
              <a:gd name="connsiteY3" fmla="*/ 6844994 h 6844994"/>
              <a:gd name="connsiteX4" fmla="*/ 695919 w 5122751"/>
              <a:gd name="connsiteY4" fmla="*/ 22 h 6844994"/>
              <a:gd name="connsiteX0" fmla="*/ 442793 w 4869625"/>
              <a:gd name="connsiteY0" fmla="*/ 22 h 6844994"/>
              <a:gd name="connsiteX1" fmla="*/ 4869625 w 4869625"/>
              <a:gd name="connsiteY1" fmla="*/ 22 h 6844994"/>
              <a:gd name="connsiteX2" fmla="*/ 4866394 w 4869625"/>
              <a:gd name="connsiteY2" fmla="*/ 6844994 h 6844994"/>
              <a:gd name="connsiteX3" fmla="*/ 442793 w 4869625"/>
              <a:gd name="connsiteY3" fmla="*/ 6844994 h 6844994"/>
              <a:gd name="connsiteX4" fmla="*/ 442793 w 4869625"/>
              <a:gd name="connsiteY4" fmla="*/ 22 h 6844994"/>
              <a:gd name="connsiteX0" fmla="*/ 444607 w 4871439"/>
              <a:gd name="connsiteY0" fmla="*/ 22 h 6844994"/>
              <a:gd name="connsiteX1" fmla="*/ 4871439 w 4871439"/>
              <a:gd name="connsiteY1" fmla="*/ 22 h 6844994"/>
              <a:gd name="connsiteX2" fmla="*/ 4868208 w 4871439"/>
              <a:gd name="connsiteY2" fmla="*/ 6844994 h 6844994"/>
              <a:gd name="connsiteX3" fmla="*/ 444607 w 4871439"/>
              <a:gd name="connsiteY3" fmla="*/ 6844994 h 6844994"/>
              <a:gd name="connsiteX4" fmla="*/ 444607 w 4871439"/>
              <a:gd name="connsiteY4" fmla="*/ 22 h 6844994"/>
              <a:gd name="connsiteX0" fmla="*/ 380563 w 4807395"/>
              <a:gd name="connsiteY0" fmla="*/ 22 h 6858254"/>
              <a:gd name="connsiteX1" fmla="*/ 4807395 w 4807395"/>
              <a:gd name="connsiteY1" fmla="*/ 22 h 6858254"/>
              <a:gd name="connsiteX2" fmla="*/ 4804164 w 4807395"/>
              <a:gd name="connsiteY2" fmla="*/ 6844994 h 6858254"/>
              <a:gd name="connsiteX3" fmla="*/ 1056712 w 4807395"/>
              <a:gd name="connsiteY3" fmla="*/ 6858254 h 6858254"/>
              <a:gd name="connsiteX4" fmla="*/ 380563 w 4807395"/>
              <a:gd name="connsiteY4" fmla="*/ 22 h 6858254"/>
              <a:gd name="connsiteX0" fmla="*/ 410005 w 4836837"/>
              <a:gd name="connsiteY0" fmla="*/ 22 h 6844994"/>
              <a:gd name="connsiteX1" fmla="*/ 4836837 w 4836837"/>
              <a:gd name="connsiteY1" fmla="*/ 22 h 6844994"/>
              <a:gd name="connsiteX2" fmla="*/ 4833606 w 4836837"/>
              <a:gd name="connsiteY2" fmla="*/ 6844994 h 6844994"/>
              <a:gd name="connsiteX3" fmla="*/ 748079 w 4836837"/>
              <a:gd name="connsiteY3" fmla="*/ 6831735 h 6844994"/>
              <a:gd name="connsiteX4" fmla="*/ 410005 w 4836837"/>
              <a:gd name="connsiteY4" fmla="*/ 22 h 6844994"/>
              <a:gd name="connsiteX0" fmla="*/ 584170 w 5011002"/>
              <a:gd name="connsiteY0" fmla="*/ 22 h 6844994"/>
              <a:gd name="connsiteX1" fmla="*/ 5011002 w 5011002"/>
              <a:gd name="connsiteY1" fmla="*/ 22 h 6844994"/>
              <a:gd name="connsiteX2" fmla="*/ 5007771 w 5011002"/>
              <a:gd name="connsiteY2" fmla="*/ 6844994 h 6844994"/>
              <a:gd name="connsiteX3" fmla="*/ 922244 w 5011002"/>
              <a:gd name="connsiteY3" fmla="*/ 6831735 h 6844994"/>
              <a:gd name="connsiteX4" fmla="*/ 584170 w 5011002"/>
              <a:gd name="connsiteY4" fmla="*/ 22 h 6844994"/>
              <a:gd name="connsiteX0" fmla="*/ 575491 w 5002323"/>
              <a:gd name="connsiteY0" fmla="*/ 22 h 6844994"/>
              <a:gd name="connsiteX1" fmla="*/ 5002323 w 5002323"/>
              <a:gd name="connsiteY1" fmla="*/ 22 h 6844994"/>
              <a:gd name="connsiteX2" fmla="*/ 4999092 w 5002323"/>
              <a:gd name="connsiteY2" fmla="*/ 6844994 h 6844994"/>
              <a:gd name="connsiteX3" fmla="*/ 913565 w 5002323"/>
              <a:gd name="connsiteY3" fmla="*/ 6831735 h 6844994"/>
              <a:gd name="connsiteX4" fmla="*/ 575491 w 5002323"/>
              <a:gd name="connsiteY4" fmla="*/ 22 h 6844994"/>
              <a:gd name="connsiteX0" fmla="*/ 784290 w 5211122"/>
              <a:gd name="connsiteY0" fmla="*/ 22 h 6844994"/>
              <a:gd name="connsiteX1" fmla="*/ 5211122 w 5211122"/>
              <a:gd name="connsiteY1" fmla="*/ 22 h 6844994"/>
              <a:gd name="connsiteX2" fmla="*/ 5207891 w 5211122"/>
              <a:gd name="connsiteY2" fmla="*/ 6844994 h 6844994"/>
              <a:gd name="connsiteX3" fmla="*/ 1122364 w 5211122"/>
              <a:gd name="connsiteY3" fmla="*/ 6831735 h 6844994"/>
              <a:gd name="connsiteX4" fmla="*/ 784290 w 5211122"/>
              <a:gd name="connsiteY4" fmla="*/ 22 h 68449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11122" h="6844994">
                <a:moveTo>
                  <a:pt x="784290" y="22"/>
                </a:moveTo>
                <a:lnTo>
                  <a:pt x="5211122" y="22"/>
                </a:lnTo>
                <a:cubicBezTo>
                  <a:pt x="5196537" y="-12954"/>
                  <a:pt x="5210793" y="5802227"/>
                  <a:pt x="5207891" y="6844994"/>
                </a:cubicBezTo>
                <a:lnTo>
                  <a:pt x="1122364" y="6831735"/>
                </a:lnTo>
                <a:cubicBezTo>
                  <a:pt x="1371473" y="4284885"/>
                  <a:pt x="-1261951" y="3620920"/>
                  <a:pt x="784290" y="2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556000" anchor="t">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406343472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Slide - 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100480-B4C3-9882-5AA2-6D2624910BC3}"/>
              </a:ext>
            </a:extLst>
          </p:cNvPr>
          <p:cNvSpPr>
            <a:spLocks noGrp="1"/>
          </p:cNvSpPr>
          <p:nvPr>
            <p:ph type="title"/>
          </p:nvPr>
        </p:nvSpPr>
        <p:spPr/>
        <p:txBody>
          <a:bodyPr/>
          <a:lstStyle/>
          <a:p>
            <a:r>
              <a:rPr lang="en-US"/>
              <a:t>Click to edit Master title style</a:t>
            </a:r>
            <a:endParaRPr lang="en-MX"/>
          </a:p>
        </p:txBody>
      </p:sp>
      <p:sp>
        <p:nvSpPr>
          <p:cNvPr id="6" name="Text Placeholder 17">
            <a:extLst>
              <a:ext uri="{FF2B5EF4-FFF2-40B4-BE49-F238E27FC236}">
                <a16:creationId xmlns:a16="http://schemas.microsoft.com/office/drawing/2014/main" id="{39775C16-2F81-B015-8329-AAC80772AF27}"/>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95505690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3883125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Title Placeholder 7">
            <a:extLst>
              <a:ext uri="{FF2B5EF4-FFF2-40B4-BE49-F238E27FC236}">
                <a16:creationId xmlns:a16="http://schemas.microsoft.com/office/drawing/2014/main" id="{5F1BEAC1-E6E5-BFAA-E7D2-298640C70B72}"/>
              </a:ext>
            </a:extLst>
          </p:cNvPr>
          <p:cNvSpPr>
            <a:spLocks noGrp="1"/>
          </p:cNvSpPr>
          <p:nvPr>
            <p:ph type="title"/>
          </p:nvPr>
        </p:nvSpPr>
        <p:spPr>
          <a:xfrm>
            <a:off x="533400" y="1900618"/>
            <a:ext cx="10515600" cy="1325563"/>
          </a:xfrm>
          <a:prstGeom prst="rect">
            <a:avLst/>
          </a:prstGeom>
        </p:spPr>
        <p:txBody>
          <a:bodyPr vert="horz" lIns="0" tIns="0" rIns="0" bIns="0" rtlCol="0" anchor="b" anchorCtr="0">
            <a:noAutofit/>
          </a:bodyPr>
          <a:lstStyle>
            <a:lvl1pPr>
              <a:defRPr sz="4800"/>
            </a:lvl1pPr>
          </a:lstStyle>
          <a:p>
            <a:r>
              <a:rPr lang="en-US"/>
              <a:t>Click to edit Master title style</a:t>
            </a:r>
          </a:p>
        </p:txBody>
      </p:sp>
      <p:sp>
        <p:nvSpPr>
          <p:cNvPr id="5" name="Text Placeholder 2">
            <a:extLst>
              <a:ext uri="{FF2B5EF4-FFF2-40B4-BE49-F238E27FC236}">
                <a16:creationId xmlns:a16="http://schemas.microsoft.com/office/drawing/2014/main" id="{699E5E35-709D-5DBD-C63B-A224DCF7BF9C}"/>
              </a:ext>
            </a:extLst>
          </p:cNvPr>
          <p:cNvSpPr>
            <a:spLocks noGrp="1"/>
          </p:cNvSpPr>
          <p:nvPr>
            <p:ph type="body" idx="1"/>
          </p:nvPr>
        </p:nvSpPr>
        <p:spPr>
          <a:xfrm>
            <a:off x="533400" y="3395272"/>
            <a:ext cx="9325529" cy="648325"/>
          </a:xfrm>
          <a:prstGeom prst="rect">
            <a:avLst/>
          </a:prstGeom>
        </p:spPr>
        <p:txBody>
          <a:bodyPr>
            <a:normAutofit/>
          </a:bodyPr>
          <a:lstStyle>
            <a:lvl1pPr marL="0" indent="0">
              <a:buNone/>
              <a:defRPr sz="2400">
                <a:solidFill>
                  <a:schemeClr val="accent1"/>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val="343542048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slide 1">
    <p:spTree>
      <p:nvGrpSpPr>
        <p:cNvPr id="1" name=""/>
        <p:cNvGrpSpPr/>
        <p:nvPr/>
      </p:nvGrpSpPr>
      <p:grpSpPr>
        <a:xfrm>
          <a:off x="0" y="0"/>
          <a:ext cx="0" cy="0"/>
          <a:chOff x="0" y="0"/>
          <a:chExt cx="0" cy="0"/>
        </a:xfrm>
      </p:grpSpPr>
      <p:sp>
        <p:nvSpPr>
          <p:cNvPr id="5" name="Text Placeholder 17">
            <a:extLst>
              <a:ext uri="{FF2B5EF4-FFF2-40B4-BE49-F238E27FC236}">
                <a16:creationId xmlns:a16="http://schemas.microsoft.com/office/drawing/2014/main" id="{3B32F8D0-3042-C91F-50A1-DC71AFE68342}"/>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6" name="Marcador de texto 2">
            <a:extLst>
              <a:ext uri="{FF2B5EF4-FFF2-40B4-BE49-F238E27FC236}">
                <a16:creationId xmlns:a16="http://schemas.microsoft.com/office/drawing/2014/main" id="{B7A92832-938F-589E-92D8-B3F79A12527E}"/>
              </a:ext>
            </a:extLst>
          </p:cNvPr>
          <p:cNvSpPr>
            <a:spLocks noGrp="1" noChangeArrowheads="1"/>
          </p:cNvSpPr>
          <p:nvPr>
            <p:ph idx="1" hasCustomPrompt="1"/>
          </p:nvPr>
        </p:nvSpPr>
        <p:spPr bwMode="auto">
          <a:xfrm>
            <a:off x="545275" y="1840676"/>
            <a:ext cx="7204639"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lvl1pPr marL="0" indent="0">
              <a:buNone/>
              <a:defRPr sz="2000" b="0" i="0">
                <a:latin typeface="+mn-lt"/>
              </a:defRPr>
            </a:lvl1pPr>
            <a:lvl2pPr marL="236538" indent="0">
              <a:buNone/>
              <a:tabLst/>
              <a:defRPr/>
            </a:lvl2pPr>
            <a:lvl3pPr marL="11113" indent="0">
              <a:buFont typeface="Arial" panose="020B0604020202020204" pitchFamily="34" charset="0"/>
              <a:buNone/>
              <a:tabLst/>
              <a:defRPr sz="1800">
                <a:latin typeface="+mn-lt"/>
              </a:defRPr>
            </a:lvl3pPr>
            <a:lvl4pPr marL="628650" indent="-225425">
              <a:tabLst/>
              <a:defRPr/>
            </a:lvl4pPr>
            <a:lvl5pPr marL="628650" indent="-225425">
              <a:tabLst/>
              <a:defRPr/>
            </a:lvl5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7" name="Title Placeholder 1">
            <a:extLst>
              <a:ext uri="{FF2B5EF4-FFF2-40B4-BE49-F238E27FC236}">
                <a16:creationId xmlns:a16="http://schemas.microsoft.com/office/drawing/2014/main" id="{0FF5E8D4-C3F7-9344-7A06-D4DA41100B4C}"/>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r>
              <a:rPr lang="en-US"/>
              <a:t>Click to edit Master title style</a:t>
            </a:r>
          </a:p>
        </p:txBody>
      </p:sp>
    </p:spTree>
    <p:extLst>
      <p:ext uri="{BB962C8B-B14F-4D97-AF65-F5344CB8AC3E}">
        <p14:creationId xmlns:p14="http://schemas.microsoft.com/office/powerpoint/2010/main" val="196340764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xt slide 2">
    <p:bg>
      <p:bgPr>
        <a:solidFill>
          <a:schemeClr val="tx1"/>
        </a:solidFill>
        <a:effectLst/>
      </p:bgPr>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5" name="Content Placeholder 8">
            <a:extLst>
              <a:ext uri="{FF2B5EF4-FFF2-40B4-BE49-F238E27FC236}">
                <a16:creationId xmlns:a16="http://schemas.microsoft.com/office/drawing/2014/main" id="{5D2B91B8-ED2E-EE25-2CA3-7DF54611A1DC}"/>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D2A7D20A-6480-4847-DC11-4F533A9AA6EC}"/>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Marcador de pie de página 8">
            <a:extLst>
              <a:ext uri="{FF2B5EF4-FFF2-40B4-BE49-F238E27FC236}">
                <a16:creationId xmlns:a16="http://schemas.microsoft.com/office/drawing/2014/main" id="{DEFE6A48-3ADB-8B97-716C-D79FE1643581}"/>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125205446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xt slide 3">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523F2394-ACA9-97ED-2F21-39729F926E02}"/>
              </a:ext>
            </a:extLst>
          </p:cNvPr>
          <p:cNvSpPr>
            <a:spLocks noGrp="1"/>
          </p:cNvSpPr>
          <p:nvPr>
            <p:ph sz="quarter" idx="11" hasCustomPrompt="1"/>
          </p:nvPr>
        </p:nvSpPr>
        <p:spPr>
          <a:xfrm>
            <a:off x="545275" y="2333042"/>
            <a:ext cx="4930238" cy="3414613"/>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Content Placeholder 8">
            <a:extLst>
              <a:ext uri="{FF2B5EF4-FFF2-40B4-BE49-F238E27FC236}">
                <a16:creationId xmlns:a16="http://schemas.microsoft.com/office/drawing/2014/main" id="{70ECEA33-D23D-4954-9D79-E25516DB4C57}"/>
              </a:ext>
            </a:extLst>
          </p:cNvPr>
          <p:cNvSpPr>
            <a:spLocks noGrp="1"/>
          </p:cNvSpPr>
          <p:nvPr>
            <p:ph sz="quarter" idx="13" hasCustomPrompt="1"/>
          </p:nvPr>
        </p:nvSpPr>
        <p:spPr>
          <a:xfrm>
            <a:off x="6091636" y="2333042"/>
            <a:ext cx="4930238" cy="3414613"/>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A591CED0-1670-E081-963F-5CE5E6588E39}"/>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F9A1EF1E-18D4-588B-13BC-0473AE4F40B5}"/>
              </a:ext>
            </a:extLst>
          </p:cNvPr>
          <p:cNvSpPr>
            <a:spLocks noGrp="1"/>
          </p:cNvSpPr>
          <p:nvPr>
            <p:ph type="body" sz="quarter" idx="15"/>
          </p:nvPr>
        </p:nvSpPr>
        <p:spPr>
          <a:xfrm>
            <a:off x="6076646"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8" name="Title Placeholder 1">
            <a:extLst>
              <a:ext uri="{FF2B5EF4-FFF2-40B4-BE49-F238E27FC236}">
                <a16:creationId xmlns:a16="http://schemas.microsoft.com/office/drawing/2014/main" id="{C33CFCB9-9878-532B-320F-525C53CFBE01}"/>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9" name="Marcador de pie de página 8">
            <a:extLst>
              <a:ext uri="{FF2B5EF4-FFF2-40B4-BE49-F238E27FC236}">
                <a16:creationId xmlns:a16="http://schemas.microsoft.com/office/drawing/2014/main" id="{923DC0D6-9833-214E-0B82-00735EDDED9A}"/>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2964221052"/>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xt slide 4">
    <p:spTree>
      <p:nvGrpSpPr>
        <p:cNvPr id="1" name=""/>
        <p:cNvGrpSpPr/>
        <p:nvPr/>
      </p:nvGrpSpPr>
      <p:grpSpPr>
        <a:xfrm>
          <a:off x="0" y="0"/>
          <a:ext cx="0" cy="0"/>
          <a:chOff x="0" y="0"/>
          <a:chExt cx="0" cy="0"/>
        </a:xfrm>
      </p:grpSpPr>
      <p:sp>
        <p:nvSpPr>
          <p:cNvPr id="4" name="Content Placeholder 5">
            <a:extLst>
              <a:ext uri="{FF2B5EF4-FFF2-40B4-BE49-F238E27FC236}">
                <a16:creationId xmlns:a16="http://schemas.microsoft.com/office/drawing/2014/main" id="{71EAF8C3-13D7-6431-EAEB-248408FBB5AF}"/>
              </a:ext>
            </a:extLst>
          </p:cNvPr>
          <p:cNvSpPr>
            <a:spLocks noGrp="1"/>
          </p:cNvSpPr>
          <p:nvPr>
            <p:ph sz="quarter" idx="14"/>
          </p:nvPr>
        </p:nvSpPr>
        <p:spPr>
          <a:xfrm>
            <a:off x="6091238" y="1839233"/>
            <a:ext cx="4930775" cy="3908425"/>
          </a:xfrm>
        </p:spPr>
        <p:txBody>
          <a:bodyPr/>
          <a:lstStyle>
            <a:lvl1pPr marL="223838" indent="-223838">
              <a:buClr>
                <a:schemeClr val="accent1"/>
              </a:buClr>
              <a:buFont typeface="Arial" panose="020B0604020202020204" pitchFamily="34" charset="0"/>
              <a:buChar char="•"/>
              <a:tabLst/>
              <a:defRPr>
                <a:solidFill>
                  <a:schemeClr val="bg1"/>
                </a:solidFill>
              </a:defRPr>
            </a:lvl1pPr>
            <a:lvl2pPr marL="671513" indent="-214313">
              <a:buClr>
                <a:schemeClr val="accent1"/>
              </a:buClr>
              <a:buFont typeface="Arial" panose="020B0604020202020204" pitchFamily="34" charset="0"/>
              <a:buChar char="•"/>
              <a:tabLst/>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buClr>
                <a:schemeClr val="accent1"/>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MX"/>
          </a:p>
        </p:txBody>
      </p:sp>
      <p:sp>
        <p:nvSpPr>
          <p:cNvPr id="5" name="Content Placeholder 8">
            <a:extLst>
              <a:ext uri="{FF2B5EF4-FFF2-40B4-BE49-F238E27FC236}">
                <a16:creationId xmlns:a16="http://schemas.microsoft.com/office/drawing/2014/main" id="{617D19D1-74E0-B47D-CEA4-5908832C8607}"/>
              </a:ext>
            </a:extLst>
          </p:cNvPr>
          <p:cNvSpPr>
            <a:spLocks noGrp="1"/>
          </p:cNvSpPr>
          <p:nvPr>
            <p:ph sz="quarter" idx="15" hasCustomPrompt="1"/>
          </p:nvPr>
        </p:nvSpPr>
        <p:spPr>
          <a:xfrm>
            <a:off x="545275" y="1808560"/>
            <a:ext cx="4930238" cy="3939095"/>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itle Placeholder 1">
            <a:extLst>
              <a:ext uri="{FF2B5EF4-FFF2-40B4-BE49-F238E27FC236}">
                <a16:creationId xmlns:a16="http://schemas.microsoft.com/office/drawing/2014/main" id="{FB20D06F-2CB1-298F-2ED3-74CA87E69067}"/>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7" name="Marcador de pie de página 8">
            <a:extLst>
              <a:ext uri="{FF2B5EF4-FFF2-40B4-BE49-F238E27FC236}">
                <a16:creationId xmlns:a16="http://schemas.microsoft.com/office/drawing/2014/main" id="{439C1290-7914-1BED-293F-E353C07DEBFD}"/>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41337730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xt slide 5">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489B02A7-3A95-2A18-C536-AE4DB6E54E7B}"/>
              </a:ext>
            </a:extLst>
          </p:cNvPr>
          <p:cNvSpPr>
            <a:spLocks noGrp="1"/>
          </p:cNvSpPr>
          <p:nvPr>
            <p:ph sz="quarter" idx="11"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Text Placeholder 17">
            <a:extLst>
              <a:ext uri="{FF2B5EF4-FFF2-40B4-BE49-F238E27FC236}">
                <a16:creationId xmlns:a16="http://schemas.microsoft.com/office/drawing/2014/main" id="{B6254F07-D5F5-B2DF-4D19-AAEA17F2E46C}"/>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6" name="Chart Placeholder 3">
            <a:extLst>
              <a:ext uri="{FF2B5EF4-FFF2-40B4-BE49-F238E27FC236}">
                <a16:creationId xmlns:a16="http://schemas.microsoft.com/office/drawing/2014/main" id="{221DB7FA-ECC2-3BDB-AD46-C9B4A1DE8455}"/>
              </a:ext>
            </a:extLst>
          </p:cNvPr>
          <p:cNvSpPr>
            <a:spLocks noGrp="1"/>
          </p:cNvSpPr>
          <p:nvPr>
            <p:ph type="chart" sz="quarter" idx="14"/>
          </p:nvPr>
        </p:nvSpPr>
        <p:spPr>
          <a:xfrm>
            <a:off x="5961088" y="1824038"/>
            <a:ext cx="4930775" cy="3924300"/>
          </a:xfrm>
          <a:solidFill>
            <a:schemeClr val="tx1">
              <a:lumMod val="75000"/>
            </a:schemeClr>
          </a:solidFill>
        </p:spPr>
        <p:txBody>
          <a:bodyPr/>
          <a:lstStyle/>
          <a:p>
            <a:endParaRPr lang="en-MX"/>
          </a:p>
        </p:txBody>
      </p:sp>
      <p:sp>
        <p:nvSpPr>
          <p:cNvPr id="7" name="Title Placeholder 1">
            <a:extLst>
              <a:ext uri="{FF2B5EF4-FFF2-40B4-BE49-F238E27FC236}">
                <a16:creationId xmlns:a16="http://schemas.microsoft.com/office/drawing/2014/main" id="{FDA79AF6-D5AC-E85D-98A8-A1F75A1D5928}"/>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8" name="Marcador de pie de página 8">
            <a:extLst>
              <a:ext uri="{FF2B5EF4-FFF2-40B4-BE49-F238E27FC236}">
                <a16:creationId xmlns:a16="http://schemas.microsoft.com/office/drawing/2014/main" id="{8AC93D11-2528-DB4C-F41B-1F993DBA3FB5}"/>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350961580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xt slide - Highlights">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6468D9E3-1D71-BE9D-C5E6-EEA9260A4762}"/>
              </a:ext>
            </a:extLst>
          </p:cNvPr>
          <p:cNvSpPr>
            <a:spLocks noGrp="1"/>
          </p:cNvSpPr>
          <p:nvPr>
            <p:ph sz="quarter" idx="11" hasCustomPrompt="1"/>
          </p:nvPr>
        </p:nvSpPr>
        <p:spPr>
          <a:xfrm>
            <a:off x="4353050"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5" name="Content Placeholder 8">
            <a:extLst>
              <a:ext uri="{FF2B5EF4-FFF2-40B4-BE49-F238E27FC236}">
                <a16:creationId xmlns:a16="http://schemas.microsoft.com/office/drawing/2014/main" id="{537D2A0D-A7AA-1095-3C90-14E22E93DD46}"/>
              </a:ext>
            </a:extLst>
          </p:cNvPr>
          <p:cNvSpPr>
            <a:spLocks noGrp="1"/>
          </p:cNvSpPr>
          <p:nvPr>
            <p:ph sz="quarter" idx="12" hasCustomPrompt="1"/>
          </p:nvPr>
        </p:nvSpPr>
        <p:spPr>
          <a:xfrm>
            <a:off x="8239136"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6" name="Picture Placeholder 20">
            <a:extLst>
              <a:ext uri="{FF2B5EF4-FFF2-40B4-BE49-F238E27FC236}">
                <a16:creationId xmlns:a16="http://schemas.microsoft.com/office/drawing/2014/main" id="{2515BFA1-C25F-0F6C-7C1F-16FE73D12D6C}"/>
              </a:ext>
            </a:extLst>
          </p:cNvPr>
          <p:cNvSpPr>
            <a:spLocks noGrp="1"/>
          </p:cNvSpPr>
          <p:nvPr>
            <p:ph type="pic" sz="quarter" idx="13"/>
          </p:nvPr>
        </p:nvSpPr>
        <p:spPr>
          <a:xfrm>
            <a:off x="1310728" y="2133107"/>
            <a:ext cx="1804013" cy="1810400"/>
          </a:xfrm>
          <a:prstGeom prst="ellipse">
            <a:avLst/>
          </a:prstGeom>
          <a:solidFill>
            <a:schemeClr val="bg2"/>
          </a:solidFill>
        </p:spPr>
        <p:txBody>
          <a:bodyPr/>
          <a:lstStyle/>
          <a:p>
            <a:endParaRPr lang="en-MX"/>
          </a:p>
        </p:txBody>
      </p:sp>
      <p:sp>
        <p:nvSpPr>
          <p:cNvPr id="7" name="Picture Placeholder 20">
            <a:extLst>
              <a:ext uri="{FF2B5EF4-FFF2-40B4-BE49-F238E27FC236}">
                <a16:creationId xmlns:a16="http://schemas.microsoft.com/office/drawing/2014/main" id="{467A8556-D2A1-523C-2CF7-6499DBCBB33A}"/>
              </a:ext>
            </a:extLst>
          </p:cNvPr>
          <p:cNvSpPr>
            <a:spLocks noGrp="1"/>
          </p:cNvSpPr>
          <p:nvPr>
            <p:ph type="pic" sz="quarter" idx="14"/>
          </p:nvPr>
        </p:nvSpPr>
        <p:spPr>
          <a:xfrm>
            <a:off x="5218980" y="2133107"/>
            <a:ext cx="1804013" cy="1810400"/>
          </a:xfrm>
          <a:prstGeom prst="ellipse">
            <a:avLst/>
          </a:prstGeom>
          <a:solidFill>
            <a:schemeClr val="bg2"/>
          </a:solidFill>
        </p:spPr>
        <p:txBody>
          <a:bodyPr/>
          <a:lstStyle/>
          <a:p>
            <a:endParaRPr lang="en-MX"/>
          </a:p>
        </p:txBody>
      </p:sp>
      <p:sp>
        <p:nvSpPr>
          <p:cNvPr id="8" name="Picture Placeholder 20">
            <a:extLst>
              <a:ext uri="{FF2B5EF4-FFF2-40B4-BE49-F238E27FC236}">
                <a16:creationId xmlns:a16="http://schemas.microsoft.com/office/drawing/2014/main" id="{8CC4B608-0EE7-DDE4-7787-7FBB9CB77915}"/>
              </a:ext>
            </a:extLst>
          </p:cNvPr>
          <p:cNvSpPr>
            <a:spLocks noGrp="1"/>
          </p:cNvSpPr>
          <p:nvPr>
            <p:ph type="pic" sz="quarter" idx="15"/>
          </p:nvPr>
        </p:nvSpPr>
        <p:spPr>
          <a:xfrm>
            <a:off x="9077259" y="2133107"/>
            <a:ext cx="1804013" cy="1810400"/>
          </a:xfrm>
          <a:prstGeom prst="ellipse">
            <a:avLst/>
          </a:prstGeom>
          <a:solidFill>
            <a:schemeClr val="bg2"/>
          </a:solidFill>
        </p:spPr>
        <p:txBody>
          <a:bodyPr/>
          <a:lstStyle/>
          <a:p>
            <a:endParaRPr lang="en-MX"/>
          </a:p>
        </p:txBody>
      </p:sp>
      <p:sp>
        <p:nvSpPr>
          <p:cNvPr id="9" name="Content Placeholder 8">
            <a:extLst>
              <a:ext uri="{FF2B5EF4-FFF2-40B4-BE49-F238E27FC236}">
                <a16:creationId xmlns:a16="http://schemas.microsoft.com/office/drawing/2014/main" id="{F77821F0-55E3-763D-D7AF-6F9B5C37A4A0}"/>
              </a:ext>
            </a:extLst>
          </p:cNvPr>
          <p:cNvSpPr>
            <a:spLocks noGrp="1"/>
          </p:cNvSpPr>
          <p:nvPr>
            <p:ph sz="quarter" idx="17" hasCustomPrompt="1"/>
          </p:nvPr>
        </p:nvSpPr>
        <p:spPr>
          <a:xfrm>
            <a:off x="625767"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10" name="Text Placeholder 30">
            <a:extLst>
              <a:ext uri="{FF2B5EF4-FFF2-40B4-BE49-F238E27FC236}">
                <a16:creationId xmlns:a16="http://schemas.microsoft.com/office/drawing/2014/main" id="{7C036CC0-06A9-49EB-EBBE-C71D74A37A20}"/>
              </a:ext>
            </a:extLst>
          </p:cNvPr>
          <p:cNvSpPr>
            <a:spLocks noGrp="1"/>
          </p:cNvSpPr>
          <p:nvPr>
            <p:ph type="body" sz="quarter" idx="20" hasCustomPrompt="1"/>
          </p:nvPr>
        </p:nvSpPr>
        <p:spPr>
          <a:xfrm>
            <a:off x="619125"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1" name="Text Placeholder 30">
            <a:extLst>
              <a:ext uri="{FF2B5EF4-FFF2-40B4-BE49-F238E27FC236}">
                <a16:creationId xmlns:a16="http://schemas.microsoft.com/office/drawing/2014/main" id="{0103CFCC-69CB-77BF-ACF0-B54B3B8754DA}"/>
              </a:ext>
            </a:extLst>
          </p:cNvPr>
          <p:cNvSpPr>
            <a:spLocks noGrp="1"/>
          </p:cNvSpPr>
          <p:nvPr>
            <p:ph type="body" sz="quarter" idx="21" hasCustomPrompt="1"/>
          </p:nvPr>
        </p:nvSpPr>
        <p:spPr>
          <a:xfrm>
            <a:off x="4351676"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2" name="Text Placeholder 30">
            <a:extLst>
              <a:ext uri="{FF2B5EF4-FFF2-40B4-BE49-F238E27FC236}">
                <a16:creationId xmlns:a16="http://schemas.microsoft.com/office/drawing/2014/main" id="{5A957593-CBA5-73F3-19D2-37D8213F2C39}"/>
              </a:ext>
            </a:extLst>
          </p:cNvPr>
          <p:cNvSpPr>
            <a:spLocks noGrp="1"/>
          </p:cNvSpPr>
          <p:nvPr>
            <p:ph type="body" sz="quarter" idx="22" hasCustomPrompt="1"/>
          </p:nvPr>
        </p:nvSpPr>
        <p:spPr>
          <a:xfrm>
            <a:off x="8219138"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3" name="Title Placeholder 1">
            <a:extLst>
              <a:ext uri="{FF2B5EF4-FFF2-40B4-BE49-F238E27FC236}">
                <a16:creationId xmlns:a16="http://schemas.microsoft.com/office/drawing/2014/main" id="{DE4DA9C3-2954-2EF5-D381-C9143441AB27}"/>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14" name="Marcador de pie de página 8">
            <a:extLst>
              <a:ext uri="{FF2B5EF4-FFF2-40B4-BE49-F238E27FC236}">
                <a16:creationId xmlns:a16="http://schemas.microsoft.com/office/drawing/2014/main" id="{E264A780-17B6-684A-4CAD-D386298C609B}"/>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395437399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xt slide - Overview">
    <p:bg>
      <p:bgPr>
        <a:solidFill>
          <a:schemeClr val="tx1"/>
        </a:solidFill>
        <a:effectLst/>
      </p:bgPr>
    </p:bg>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B16AC497-D3D9-EA46-3EC2-1C10E0223C39}"/>
              </a:ext>
            </a:extLst>
          </p:cNvPr>
          <p:cNvSpPr>
            <a:spLocks noGrp="1"/>
          </p:cNvSpPr>
          <p:nvPr>
            <p:ph type="body" sz="quarter" idx="13" hasCustomPrompt="1"/>
          </p:nvPr>
        </p:nvSpPr>
        <p:spPr>
          <a:xfrm>
            <a:off x="533400" y="1562100"/>
            <a:ext cx="2268794" cy="2097336"/>
          </a:xfrm>
          <a:solidFill>
            <a:schemeClr val="tx1">
              <a:lumMod val="75000"/>
            </a:schemeClr>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9" name="Text Placeholder 8">
            <a:extLst>
              <a:ext uri="{FF2B5EF4-FFF2-40B4-BE49-F238E27FC236}">
                <a16:creationId xmlns:a16="http://schemas.microsoft.com/office/drawing/2014/main" id="{804F8343-FD5B-5ECC-6538-43FFC0D455FB}"/>
              </a:ext>
            </a:extLst>
          </p:cNvPr>
          <p:cNvSpPr>
            <a:spLocks noGrp="1"/>
          </p:cNvSpPr>
          <p:nvPr>
            <p:ph type="body" sz="quarter" idx="14"/>
          </p:nvPr>
        </p:nvSpPr>
        <p:spPr>
          <a:xfrm>
            <a:off x="2986548" y="1562100"/>
            <a:ext cx="8786352" cy="2097336"/>
          </a:xfrm>
          <a:solidFill>
            <a:schemeClr val="tx1">
              <a:lumMod val="75000"/>
            </a:schemeClr>
          </a:solidFill>
        </p:spPr>
        <p:txBody>
          <a:bodyPr lIns="182880" tIns="182880" rIns="182880"/>
          <a:lstStyle>
            <a:lvl1pPr>
              <a:defRPr sz="1600" b="0" i="0">
                <a:latin typeface="Nunito" pitchFamily="2" charset="77"/>
              </a:defRPr>
            </a:lvl1pPr>
          </a:lstStyle>
          <a:p>
            <a:endParaRPr lang="en-US"/>
          </a:p>
        </p:txBody>
      </p:sp>
      <p:sp>
        <p:nvSpPr>
          <p:cNvPr id="10" name="Text Placeholder 9">
            <a:extLst>
              <a:ext uri="{FF2B5EF4-FFF2-40B4-BE49-F238E27FC236}">
                <a16:creationId xmlns:a16="http://schemas.microsoft.com/office/drawing/2014/main" id="{9A076040-2B14-6867-2582-925D4093D4EC}"/>
              </a:ext>
            </a:extLst>
          </p:cNvPr>
          <p:cNvSpPr>
            <a:spLocks noGrp="1"/>
          </p:cNvSpPr>
          <p:nvPr>
            <p:ph type="body" sz="quarter" idx="15" hasCustomPrompt="1"/>
          </p:nvPr>
        </p:nvSpPr>
        <p:spPr>
          <a:xfrm>
            <a:off x="533400" y="3814097"/>
            <a:ext cx="2268794" cy="2013214"/>
          </a:xfrm>
          <a:solidFill>
            <a:schemeClr val="tx1">
              <a:lumMod val="75000"/>
            </a:schemeClr>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11" name="Text Placeholder 10">
            <a:extLst>
              <a:ext uri="{FF2B5EF4-FFF2-40B4-BE49-F238E27FC236}">
                <a16:creationId xmlns:a16="http://schemas.microsoft.com/office/drawing/2014/main" id="{CF03ED5B-739A-2DF8-29DC-4C74436CE2FF}"/>
              </a:ext>
            </a:extLst>
          </p:cNvPr>
          <p:cNvSpPr>
            <a:spLocks noGrp="1"/>
          </p:cNvSpPr>
          <p:nvPr>
            <p:ph type="body" sz="quarter" idx="16"/>
          </p:nvPr>
        </p:nvSpPr>
        <p:spPr>
          <a:xfrm>
            <a:off x="2986548" y="3814097"/>
            <a:ext cx="8786352" cy="2013214"/>
          </a:xfrm>
          <a:solidFill>
            <a:schemeClr val="tx1">
              <a:lumMod val="75000"/>
            </a:schemeClr>
          </a:solidFill>
        </p:spPr>
        <p:txBody>
          <a:bodyPr lIns="182880" tIns="182880" rIns="182880"/>
          <a:lstStyle>
            <a:lvl1pPr>
              <a:defRPr sz="1600" b="0" i="0">
                <a:latin typeface="Nunito" pitchFamily="2" charset="77"/>
              </a:defRPr>
            </a:lvl1pPr>
          </a:lstStyle>
          <a:p>
            <a:endParaRPr lang="en-US"/>
          </a:p>
        </p:txBody>
      </p:sp>
      <p:sp>
        <p:nvSpPr>
          <p:cNvPr id="2" name="Title Placeholder 1">
            <a:extLst>
              <a:ext uri="{FF2B5EF4-FFF2-40B4-BE49-F238E27FC236}">
                <a16:creationId xmlns:a16="http://schemas.microsoft.com/office/drawing/2014/main" id="{FB835F6E-A323-18E5-4E9F-D3658621B88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3" name="Marcador de pie de página 8">
            <a:extLst>
              <a:ext uri="{FF2B5EF4-FFF2-40B4-BE49-F238E27FC236}">
                <a16:creationId xmlns:a16="http://schemas.microsoft.com/office/drawing/2014/main" id="{E267E688-A2D8-02BB-B9AD-79F3AA13F028}"/>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251639392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ext slide - Picture 3">
    <p:spTree>
      <p:nvGrpSpPr>
        <p:cNvPr id="1" name=""/>
        <p:cNvGrpSpPr/>
        <p:nvPr/>
      </p:nvGrpSpPr>
      <p:grpSpPr>
        <a:xfrm>
          <a:off x="0" y="0"/>
          <a:ext cx="0" cy="0"/>
          <a:chOff x="0" y="0"/>
          <a:chExt cx="0" cy="0"/>
        </a:xfrm>
      </p:grpSpPr>
      <p:sp>
        <p:nvSpPr>
          <p:cNvPr id="8" name="Picture Placeholder 25">
            <a:extLst>
              <a:ext uri="{FF2B5EF4-FFF2-40B4-BE49-F238E27FC236}">
                <a16:creationId xmlns:a16="http://schemas.microsoft.com/office/drawing/2014/main" id="{8F89FF7F-927B-BCAC-FA6D-78A3AD3131B6}"/>
              </a:ext>
            </a:extLst>
          </p:cNvPr>
          <p:cNvSpPr>
            <a:spLocks noGrp="1"/>
          </p:cNvSpPr>
          <p:nvPr>
            <p:ph type="pic" sz="quarter" idx="11" hasCustomPrompt="1"/>
          </p:nvPr>
        </p:nvSpPr>
        <p:spPr bwMode="auto">
          <a:xfrm>
            <a:off x="5842000" y="-10452"/>
            <a:ext cx="6373758" cy="6868452"/>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841527 w 5717615"/>
              <a:gd name="connsiteY0" fmla="*/ 0 h 6891678"/>
              <a:gd name="connsiteX1" fmla="*/ 5716935 w 5717615"/>
              <a:gd name="connsiteY1" fmla="*/ 7150 h 6891678"/>
              <a:gd name="connsiteX2" fmla="*/ 5700012 w 5717615"/>
              <a:gd name="connsiteY2" fmla="*/ 6891678 h 6891678"/>
              <a:gd name="connsiteX3" fmla="*/ 363243 w 5717615"/>
              <a:gd name="connsiteY3" fmla="*/ 6888011 h 6891678"/>
              <a:gd name="connsiteX4" fmla="*/ 841527 w 5717615"/>
              <a:gd name="connsiteY4" fmla="*/ 0 h 689167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17615" h="6891678">
                <a:moveTo>
                  <a:pt x="841527" y="0"/>
                </a:moveTo>
                <a:lnTo>
                  <a:pt x="5716935" y="7150"/>
                </a:lnTo>
                <a:cubicBezTo>
                  <a:pt x="5722948" y="49091"/>
                  <a:pt x="5686763" y="6886972"/>
                  <a:pt x="5700012" y="6891678"/>
                </a:cubicBezTo>
                <a:lnTo>
                  <a:pt x="363243" y="6888011"/>
                </a:lnTo>
                <a:cubicBezTo>
                  <a:pt x="-301484" y="3874568"/>
                  <a:pt x="-2164" y="1490537"/>
                  <a:pt x="841527" y="0"/>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
        <p:nvSpPr>
          <p:cNvPr id="4" name="Title 1">
            <a:extLst>
              <a:ext uri="{FF2B5EF4-FFF2-40B4-BE49-F238E27FC236}">
                <a16:creationId xmlns:a16="http://schemas.microsoft.com/office/drawing/2014/main" id="{3C8A8C00-BEC7-8477-792B-AA80AB9974C5}"/>
              </a:ext>
            </a:extLst>
          </p:cNvPr>
          <p:cNvSpPr>
            <a:spLocks noGrp="1"/>
          </p:cNvSpPr>
          <p:nvPr>
            <p:ph type="title" hasCustomPrompt="1"/>
          </p:nvPr>
        </p:nvSpPr>
        <p:spPr>
          <a:xfrm>
            <a:off x="545276" y="833695"/>
            <a:ext cx="4930238" cy="737359"/>
          </a:xfrm>
        </p:spPr>
        <p:txBody>
          <a:bodyPr/>
          <a:lstStyle/>
          <a:p>
            <a:r>
              <a:rPr lang="en-US"/>
              <a:t>Click to edit Master</a:t>
            </a:r>
            <a:br>
              <a:rPr lang="en-US"/>
            </a:br>
            <a:r>
              <a:rPr lang="en-US"/>
              <a:t>title style</a:t>
            </a:r>
            <a:endParaRPr lang="en-MX"/>
          </a:p>
        </p:txBody>
      </p:sp>
      <p:sp>
        <p:nvSpPr>
          <p:cNvPr id="5" name="Content Placeholder 8">
            <a:extLst>
              <a:ext uri="{FF2B5EF4-FFF2-40B4-BE49-F238E27FC236}">
                <a16:creationId xmlns:a16="http://schemas.microsoft.com/office/drawing/2014/main" id="{17DF8954-4988-6847-FC94-D98641451D7F}"/>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A2125A8F-C463-E8BC-485D-271893C6AF76}"/>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3C1134EE-13C1-7DA5-80C7-3CEEF237394C}"/>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pic>
        <p:nvPicPr>
          <p:cNvPr id="3" name="Graphic 7">
            <a:extLst>
              <a:ext uri="{FF2B5EF4-FFF2-40B4-BE49-F238E27FC236}">
                <a16:creationId xmlns:a16="http://schemas.microsoft.com/office/drawing/2014/main" id="{EC50B08E-3573-BB5C-C707-D28B8EBF9A1B}"/>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533400" y="6125595"/>
            <a:ext cx="8676641" cy="552521"/>
          </a:xfrm>
          <a:prstGeom prst="rect">
            <a:avLst/>
          </a:prstGeom>
        </p:spPr>
      </p:pic>
    </p:spTree>
    <p:extLst>
      <p:ext uri="{BB962C8B-B14F-4D97-AF65-F5344CB8AC3E}">
        <p14:creationId xmlns:p14="http://schemas.microsoft.com/office/powerpoint/2010/main" val="292762424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ext slide - Picture 1">
    <p:spTree>
      <p:nvGrpSpPr>
        <p:cNvPr id="1" name=""/>
        <p:cNvGrpSpPr/>
        <p:nvPr/>
      </p:nvGrpSpPr>
      <p:grpSpPr>
        <a:xfrm>
          <a:off x="0" y="0"/>
          <a:ext cx="0" cy="0"/>
          <a:chOff x="0" y="0"/>
          <a:chExt cx="0" cy="0"/>
        </a:xfrm>
      </p:grpSpPr>
      <p:sp>
        <p:nvSpPr>
          <p:cNvPr id="2" name="Picture Placeholder 25">
            <a:extLst>
              <a:ext uri="{FF2B5EF4-FFF2-40B4-BE49-F238E27FC236}">
                <a16:creationId xmlns:a16="http://schemas.microsoft.com/office/drawing/2014/main" id="{34D97CCE-795C-EFB7-F724-377BFC3F8200}"/>
              </a:ext>
            </a:extLst>
          </p:cNvPr>
          <p:cNvSpPr>
            <a:spLocks noGrp="1"/>
          </p:cNvSpPr>
          <p:nvPr>
            <p:ph type="pic" sz="quarter" idx="18" hasCustomPrompt="1"/>
          </p:nvPr>
        </p:nvSpPr>
        <p:spPr bwMode="auto">
          <a:xfrm>
            <a:off x="7034021" y="-4226"/>
            <a:ext cx="5161220" cy="6862226"/>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1069131 w 5637143"/>
              <a:gd name="connsiteY0" fmla="*/ 1672 h 6884528"/>
              <a:gd name="connsiteX1" fmla="*/ 5636463 w 5637143"/>
              <a:gd name="connsiteY1" fmla="*/ 0 h 6884528"/>
              <a:gd name="connsiteX2" fmla="*/ 5619540 w 5637143"/>
              <a:gd name="connsiteY2" fmla="*/ 6884528 h 6884528"/>
              <a:gd name="connsiteX3" fmla="*/ 282771 w 5637143"/>
              <a:gd name="connsiteY3" fmla="*/ 6880861 h 6884528"/>
              <a:gd name="connsiteX4" fmla="*/ 1069131 w 5637143"/>
              <a:gd name="connsiteY4" fmla="*/ 1672 h 6884528"/>
              <a:gd name="connsiteX0" fmla="*/ 1303528 w 5871540"/>
              <a:gd name="connsiteY0" fmla="*/ 1672 h 6884528"/>
              <a:gd name="connsiteX1" fmla="*/ 5870860 w 5871540"/>
              <a:gd name="connsiteY1" fmla="*/ 0 h 6884528"/>
              <a:gd name="connsiteX2" fmla="*/ 5853937 w 5871540"/>
              <a:gd name="connsiteY2" fmla="*/ 6884528 h 6884528"/>
              <a:gd name="connsiteX3" fmla="*/ 517168 w 5871540"/>
              <a:gd name="connsiteY3" fmla="*/ 6880861 h 6884528"/>
              <a:gd name="connsiteX4" fmla="*/ 1303528 w 5871540"/>
              <a:gd name="connsiteY4" fmla="*/ 1672 h 6884528"/>
              <a:gd name="connsiteX0" fmla="*/ 1092799 w 5660811"/>
              <a:gd name="connsiteY0" fmla="*/ 1672 h 6884528"/>
              <a:gd name="connsiteX1" fmla="*/ 5660131 w 5660811"/>
              <a:gd name="connsiteY1" fmla="*/ 0 h 6884528"/>
              <a:gd name="connsiteX2" fmla="*/ 5643208 w 5660811"/>
              <a:gd name="connsiteY2" fmla="*/ 6884528 h 6884528"/>
              <a:gd name="connsiteX3" fmla="*/ 715427 w 5660811"/>
              <a:gd name="connsiteY3" fmla="*/ 6880862 h 6884528"/>
              <a:gd name="connsiteX4" fmla="*/ 1092799 w 5660811"/>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395571 w 5963583"/>
              <a:gd name="connsiteY0" fmla="*/ 1672 h 6884528"/>
              <a:gd name="connsiteX1" fmla="*/ 5962903 w 5963583"/>
              <a:gd name="connsiteY1" fmla="*/ 0 h 6884528"/>
              <a:gd name="connsiteX2" fmla="*/ 5945980 w 5963583"/>
              <a:gd name="connsiteY2" fmla="*/ 6884528 h 6884528"/>
              <a:gd name="connsiteX3" fmla="*/ 1018199 w 5963583"/>
              <a:gd name="connsiteY3" fmla="*/ 6880862 h 6884528"/>
              <a:gd name="connsiteX4" fmla="*/ 1395571 w 5963583"/>
              <a:gd name="connsiteY4" fmla="*/ 1672 h 6884528"/>
              <a:gd name="connsiteX0" fmla="*/ 1514168 w 6082180"/>
              <a:gd name="connsiteY0" fmla="*/ 1672 h 6917077"/>
              <a:gd name="connsiteX1" fmla="*/ 6081500 w 6082180"/>
              <a:gd name="connsiteY1" fmla="*/ 0 h 6917077"/>
              <a:gd name="connsiteX2" fmla="*/ 6064577 w 6082180"/>
              <a:gd name="connsiteY2" fmla="*/ 6884528 h 6917077"/>
              <a:gd name="connsiteX3" fmla="*/ 932303 w 6082180"/>
              <a:gd name="connsiteY3" fmla="*/ 6917077 h 6917077"/>
              <a:gd name="connsiteX4" fmla="*/ 1514168 w 6082180"/>
              <a:gd name="connsiteY4" fmla="*/ 1672 h 6917077"/>
              <a:gd name="connsiteX0" fmla="*/ 1514168 w 6082180"/>
              <a:gd name="connsiteY0" fmla="*/ 1672 h 6888224"/>
              <a:gd name="connsiteX1" fmla="*/ 6081500 w 6082180"/>
              <a:gd name="connsiteY1" fmla="*/ 0 h 6888224"/>
              <a:gd name="connsiteX2" fmla="*/ 6064577 w 6082180"/>
              <a:gd name="connsiteY2" fmla="*/ 6884528 h 6888224"/>
              <a:gd name="connsiteX3" fmla="*/ 932303 w 6082180"/>
              <a:gd name="connsiteY3" fmla="*/ 6888224 h 6888224"/>
              <a:gd name="connsiteX4" fmla="*/ 1514168 w 6082180"/>
              <a:gd name="connsiteY4" fmla="*/ 1672 h 6888224"/>
              <a:gd name="connsiteX0" fmla="*/ 1514168 w 6085999"/>
              <a:gd name="connsiteY0" fmla="*/ 1672 h 6891484"/>
              <a:gd name="connsiteX1" fmla="*/ 6081500 w 6085999"/>
              <a:gd name="connsiteY1" fmla="*/ 0 h 6891484"/>
              <a:gd name="connsiteX2" fmla="*/ 6085999 w 6085999"/>
              <a:gd name="connsiteY2" fmla="*/ 6891484 h 6891484"/>
              <a:gd name="connsiteX3" fmla="*/ 932303 w 6085999"/>
              <a:gd name="connsiteY3" fmla="*/ 6888224 h 6891484"/>
              <a:gd name="connsiteX4" fmla="*/ 1514168 w 6085999"/>
              <a:gd name="connsiteY4" fmla="*/ 1672 h 68914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85999" h="6891484">
                <a:moveTo>
                  <a:pt x="1514168" y="1672"/>
                </a:moveTo>
                <a:lnTo>
                  <a:pt x="6081500" y="0"/>
                </a:lnTo>
                <a:cubicBezTo>
                  <a:pt x="6087513" y="41941"/>
                  <a:pt x="6072750" y="6886778"/>
                  <a:pt x="6085999" y="6891484"/>
                </a:cubicBezTo>
                <a:lnTo>
                  <a:pt x="932303" y="6888224"/>
                </a:lnTo>
                <a:cubicBezTo>
                  <a:pt x="-531809" y="4689621"/>
                  <a:pt x="-221861" y="1437887"/>
                  <a:pt x="1514168" y="167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
        <p:nvSpPr>
          <p:cNvPr id="4" name="Title 1">
            <a:extLst>
              <a:ext uri="{FF2B5EF4-FFF2-40B4-BE49-F238E27FC236}">
                <a16:creationId xmlns:a16="http://schemas.microsoft.com/office/drawing/2014/main" id="{0202462A-BD0B-8DC5-2A60-8DC340587F65}"/>
              </a:ext>
            </a:extLst>
          </p:cNvPr>
          <p:cNvSpPr>
            <a:spLocks noGrp="1"/>
          </p:cNvSpPr>
          <p:nvPr>
            <p:ph type="title"/>
          </p:nvPr>
        </p:nvSpPr>
        <p:spPr>
          <a:xfrm>
            <a:off x="545276" y="833695"/>
            <a:ext cx="5990436"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5150D596-AA39-974C-A69F-3BEC1AA30ABA}"/>
              </a:ext>
            </a:extLst>
          </p:cNvPr>
          <p:cNvSpPr>
            <a:spLocks noGrp="1"/>
          </p:cNvSpPr>
          <p:nvPr>
            <p:ph sz="quarter" idx="10" hasCustomPrompt="1"/>
          </p:nvPr>
        </p:nvSpPr>
        <p:spPr>
          <a:xfrm>
            <a:off x="545275" y="2333042"/>
            <a:ext cx="5990436"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3582EA96-6D15-94FB-11EF-A350B4AFB4D0}"/>
              </a:ext>
            </a:extLst>
          </p:cNvPr>
          <p:cNvSpPr>
            <a:spLocks noGrp="1"/>
          </p:cNvSpPr>
          <p:nvPr>
            <p:ph type="body" sz="quarter" idx="12"/>
          </p:nvPr>
        </p:nvSpPr>
        <p:spPr>
          <a:xfrm>
            <a:off x="545275" y="1823776"/>
            <a:ext cx="5990436"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A8C84E73-B22B-E459-94B5-9170A6F1593F}"/>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pic>
        <p:nvPicPr>
          <p:cNvPr id="3" name="Graphic 7">
            <a:extLst>
              <a:ext uri="{FF2B5EF4-FFF2-40B4-BE49-F238E27FC236}">
                <a16:creationId xmlns:a16="http://schemas.microsoft.com/office/drawing/2014/main" id="{085F10DD-4231-4B79-7285-7C407B81F34C}"/>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533400" y="6125595"/>
            <a:ext cx="8676641" cy="552521"/>
          </a:xfrm>
          <a:prstGeom prst="rect">
            <a:avLst/>
          </a:prstGeom>
        </p:spPr>
      </p:pic>
    </p:spTree>
    <p:extLst>
      <p:ext uri="{BB962C8B-B14F-4D97-AF65-F5344CB8AC3E}">
        <p14:creationId xmlns:p14="http://schemas.microsoft.com/office/powerpoint/2010/main" val="192541805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ext slide - Picture 2">
    <p:spTree>
      <p:nvGrpSpPr>
        <p:cNvPr id="1" name=""/>
        <p:cNvGrpSpPr/>
        <p:nvPr/>
      </p:nvGrpSpPr>
      <p:grpSpPr>
        <a:xfrm>
          <a:off x="0" y="0"/>
          <a:ext cx="0" cy="0"/>
          <a:chOff x="0" y="0"/>
          <a:chExt cx="0" cy="0"/>
        </a:xfrm>
      </p:grpSpPr>
      <p:sp>
        <p:nvSpPr>
          <p:cNvPr id="3" name="Picture Placeholder 25">
            <a:extLst>
              <a:ext uri="{FF2B5EF4-FFF2-40B4-BE49-F238E27FC236}">
                <a16:creationId xmlns:a16="http://schemas.microsoft.com/office/drawing/2014/main" id="{B427F676-0D1A-D62D-F22E-601CB6122C96}"/>
              </a:ext>
            </a:extLst>
          </p:cNvPr>
          <p:cNvSpPr>
            <a:spLocks noGrp="1"/>
          </p:cNvSpPr>
          <p:nvPr>
            <p:ph type="pic" sz="quarter" idx="11" hasCustomPrompt="1"/>
          </p:nvPr>
        </p:nvSpPr>
        <p:spPr bwMode="auto">
          <a:xfrm>
            <a:off x="9305672" y="13008"/>
            <a:ext cx="2896052" cy="6844992"/>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140913"/>
              <a:gd name="connsiteY0" fmla="*/ 0 h 6844972"/>
              <a:gd name="connsiteX1" fmla="*/ 3786270 w 4140913"/>
              <a:gd name="connsiteY1" fmla="*/ 0 h 6844972"/>
              <a:gd name="connsiteX2" fmla="*/ 3355997 w 4140913"/>
              <a:gd name="connsiteY2" fmla="*/ 6844972 h 6844972"/>
              <a:gd name="connsiteX3" fmla="*/ 0 w 4140913"/>
              <a:gd name="connsiteY3" fmla="*/ 6844972 h 6844972"/>
              <a:gd name="connsiteX4" fmla="*/ 0 w 4140913"/>
              <a:gd name="connsiteY4" fmla="*/ 0 h 6844972"/>
              <a:gd name="connsiteX0" fmla="*/ 0 w 3997109"/>
              <a:gd name="connsiteY0" fmla="*/ 0 h 6844972"/>
              <a:gd name="connsiteX1" fmla="*/ 3786270 w 3997109"/>
              <a:gd name="connsiteY1" fmla="*/ 0 h 6844972"/>
              <a:gd name="connsiteX2" fmla="*/ 3355997 w 3997109"/>
              <a:gd name="connsiteY2" fmla="*/ 6844972 h 6844972"/>
              <a:gd name="connsiteX3" fmla="*/ 0 w 3997109"/>
              <a:gd name="connsiteY3" fmla="*/ 6844972 h 6844972"/>
              <a:gd name="connsiteX4" fmla="*/ 0 w 3997109"/>
              <a:gd name="connsiteY4" fmla="*/ 0 h 6844972"/>
              <a:gd name="connsiteX0" fmla="*/ 0 w 4414471"/>
              <a:gd name="connsiteY0" fmla="*/ 0 h 6844972"/>
              <a:gd name="connsiteX1" fmla="*/ 3786270 w 4414471"/>
              <a:gd name="connsiteY1" fmla="*/ 0 h 6844972"/>
              <a:gd name="connsiteX2" fmla="*/ 3355997 w 4414471"/>
              <a:gd name="connsiteY2" fmla="*/ 6844972 h 6844972"/>
              <a:gd name="connsiteX3" fmla="*/ 0 w 4414471"/>
              <a:gd name="connsiteY3" fmla="*/ 6844972 h 6844972"/>
              <a:gd name="connsiteX4" fmla="*/ 0 w 4414471"/>
              <a:gd name="connsiteY4" fmla="*/ 0 h 6844972"/>
              <a:gd name="connsiteX0" fmla="*/ 0 w 4407673"/>
              <a:gd name="connsiteY0" fmla="*/ 0 h 6844972"/>
              <a:gd name="connsiteX1" fmla="*/ 3786270 w 4407673"/>
              <a:gd name="connsiteY1" fmla="*/ 0 h 6844972"/>
              <a:gd name="connsiteX2" fmla="*/ 3355997 w 4407673"/>
              <a:gd name="connsiteY2" fmla="*/ 6844972 h 6844972"/>
              <a:gd name="connsiteX3" fmla="*/ 0 w 4407673"/>
              <a:gd name="connsiteY3" fmla="*/ 6844972 h 6844972"/>
              <a:gd name="connsiteX4" fmla="*/ 0 w 4407673"/>
              <a:gd name="connsiteY4" fmla="*/ 0 h 6844972"/>
              <a:gd name="connsiteX0" fmla="*/ 0 w 4429673"/>
              <a:gd name="connsiteY0" fmla="*/ 0 h 6844972"/>
              <a:gd name="connsiteX1" fmla="*/ 3786270 w 4429673"/>
              <a:gd name="connsiteY1" fmla="*/ 0 h 6844972"/>
              <a:gd name="connsiteX2" fmla="*/ 3355997 w 4429673"/>
              <a:gd name="connsiteY2" fmla="*/ 6844972 h 6844972"/>
              <a:gd name="connsiteX3" fmla="*/ 0 w 4429673"/>
              <a:gd name="connsiteY3" fmla="*/ 6844972 h 6844972"/>
              <a:gd name="connsiteX4" fmla="*/ 0 w 4429673"/>
              <a:gd name="connsiteY4" fmla="*/ 0 h 6844972"/>
              <a:gd name="connsiteX0" fmla="*/ 0 w 4946879"/>
              <a:gd name="connsiteY0" fmla="*/ 0 h 6844972"/>
              <a:gd name="connsiteX1" fmla="*/ 4426832 w 4946879"/>
              <a:gd name="connsiteY1" fmla="*/ 0 h 6844972"/>
              <a:gd name="connsiteX2" fmla="*/ 3355997 w 4946879"/>
              <a:gd name="connsiteY2" fmla="*/ 6844972 h 6844972"/>
              <a:gd name="connsiteX3" fmla="*/ 0 w 4946879"/>
              <a:gd name="connsiteY3" fmla="*/ 6844972 h 6844972"/>
              <a:gd name="connsiteX4" fmla="*/ 0 w 4946879"/>
              <a:gd name="connsiteY4" fmla="*/ 0 h 6844972"/>
              <a:gd name="connsiteX0" fmla="*/ 0 w 4426832"/>
              <a:gd name="connsiteY0" fmla="*/ 36 h 6845008"/>
              <a:gd name="connsiteX1" fmla="*/ 4426832 w 4426832"/>
              <a:gd name="connsiteY1" fmla="*/ 36 h 6845008"/>
              <a:gd name="connsiteX2" fmla="*/ 3355997 w 4426832"/>
              <a:gd name="connsiteY2" fmla="*/ 6845008 h 6845008"/>
              <a:gd name="connsiteX3" fmla="*/ 0 w 4426832"/>
              <a:gd name="connsiteY3" fmla="*/ 6845008 h 6845008"/>
              <a:gd name="connsiteX4" fmla="*/ 0 w 4426832"/>
              <a:gd name="connsiteY4" fmla="*/ 36 h 6845008"/>
              <a:gd name="connsiteX0" fmla="*/ 0 w 4596489"/>
              <a:gd name="connsiteY0" fmla="*/ 36 h 6845008"/>
              <a:gd name="connsiteX1" fmla="*/ 4426832 w 4596489"/>
              <a:gd name="connsiteY1" fmla="*/ 36 h 6845008"/>
              <a:gd name="connsiteX2" fmla="*/ 4423601 w 4596489"/>
              <a:gd name="connsiteY2" fmla="*/ 6845008 h 6845008"/>
              <a:gd name="connsiteX3" fmla="*/ 0 w 4596489"/>
              <a:gd name="connsiteY3" fmla="*/ 6845008 h 6845008"/>
              <a:gd name="connsiteX4" fmla="*/ 0 w 4596489"/>
              <a:gd name="connsiteY4" fmla="*/ 36 h 6845008"/>
              <a:gd name="connsiteX0" fmla="*/ 0 w 4426832"/>
              <a:gd name="connsiteY0" fmla="*/ 22 h 6844994"/>
              <a:gd name="connsiteX1" fmla="*/ 4426832 w 4426832"/>
              <a:gd name="connsiteY1" fmla="*/ 22 h 6844994"/>
              <a:gd name="connsiteX2" fmla="*/ 4423601 w 4426832"/>
              <a:gd name="connsiteY2" fmla="*/ 6844994 h 6844994"/>
              <a:gd name="connsiteX3" fmla="*/ 0 w 4426832"/>
              <a:gd name="connsiteY3" fmla="*/ 6844994 h 6844994"/>
              <a:gd name="connsiteX4" fmla="*/ 0 w 4426832"/>
              <a:gd name="connsiteY4" fmla="*/ 22 h 6844994"/>
              <a:gd name="connsiteX0" fmla="*/ 695919 w 5122751"/>
              <a:gd name="connsiteY0" fmla="*/ 22 h 6844994"/>
              <a:gd name="connsiteX1" fmla="*/ 5122751 w 5122751"/>
              <a:gd name="connsiteY1" fmla="*/ 22 h 6844994"/>
              <a:gd name="connsiteX2" fmla="*/ 5119520 w 5122751"/>
              <a:gd name="connsiteY2" fmla="*/ 6844994 h 6844994"/>
              <a:gd name="connsiteX3" fmla="*/ 695919 w 5122751"/>
              <a:gd name="connsiteY3" fmla="*/ 6844994 h 6844994"/>
              <a:gd name="connsiteX4" fmla="*/ 695919 w 5122751"/>
              <a:gd name="connsiteY4" fmla="*/ 22 h 6844994"/>
              <a:gd name="connsiteX0" fmla="*/ 442793 w 4869625"/>
              <a:gd name="connsiteY0" fmla="*/ 22 h 6844994"/>
              <a:gd name="connsiteX1" fmla="*/ 4869625 w 4869625"/>
              <a:gd name="connsiteY1" fmla="*/ 22 h 6844994"/>
              <a:gd name="connsiteX2" fmla="*/ 4866394 w 4869625"/>
              <a:gd name="connsiteY2" fmla="*/ 6844994 h 6844994"/>
              <a:gd name="connsiteX3" fmla="*/ 442793 w 4869625"/>
              <a:gd name="connsiteY3" fmla="*/ 6844994 h 6844994"/>
              <a:gd name="connsiteX4" fmla="*/ 442793 w 4869625"/>
              <a:gd name="connsiteY4" fmla="*/ 22 h 6844994"/>
              <a:gd name="connsiteX0" fmla="*/ 444607 w 4871439"/>
              <a:gd name="connsiteY0" fmla="*/ 22 h 6844994"/>
              <a:gd name="connsiteX1" fmla="*/ 4871439 w 4871439"/>
              <a:gd name="connsiteY1" fmla="*/ 22 h 6844994"/>
              <a:gd name="connsiteX2" fmla="*/ 4868208 w 4871439"/>
              <a:gd name="connsiteY2" fmla="*/ 6844994 h 6844994"/>
              <a:gd name="connsiteX3" fmla="*/ 444607 w 4871439"/>
              <a:gd name="connsiteY3" fmla="*/ 6844994 h 6844994"/>
              <a:gd name="connsiteX4" fmla="*/ 444607 w 4871439"/>
              <a:gd name="connsiteY4" fmla="*/ 22 h 6844994"/>
              <a:gd name="connsiteX0" fmla="*/ 380563 w 4807395"/>
              <a:gd name="connsiteY0" fmla="*/ 22 h 6858254"/>
              <a:gd name="connsiteX1" fmla="*/ 4807395 w 4807395"/>
              <a:gd name="connsiteY1" fmla="*/ 22 h 6858254"/>
              <a:gd name="connsiteX2" fmla="*/ 4804164 w 4807395"/>
              <a:gd name="connsiteY2" fmla="*/ 6844994 h 6858254"/>
              <a:gd name="connsiteX3" fmla="*/ 1056712 w 4807395"/>
              <a:gd name="connsiteY3" fmla="*/ 6858254 h 6858254"/>
              <a:gd name="connsiteX4" fmla="*/ 380563 w 4807395"/>
              <a:gd name="connsiteY4" fmla="*/ 22 h 6858254"/>
              <a:gd name="connsiteX0" fmla="*/ 410005 w 4836837"/>
              <a:gd name="connsiteY0" fmla="*/ 22 h 6844994"/>
              <a:gd name="connsiteX1" fmla="*/ 4836837 w 4836837"/>
              <a:gd name="connsiteY1" fmla="*/ 22 h 6844994"/>
              <a:gd name="connsiteX2" fmla="*/ 4833606 w 4836837"/>
              <a:gd name="connsiteY2" fmla="*/ 6844994 h 6844994"/>
              <a:gd name="connsiteX3" fmla="*/ 748079 w 4836837"/>
              <a:gd name="connsiteY3" fmla="*/ 6831735 h 6844994"/>
              <a:gd name="connsiteX4" fmla="*/ 410005 w 4836837"/>
              <a:gd name="connsiteY4" fmla="*/ 22 h 6844994"/>
              <a:gd name="connsiteX0" fmla="*/ 584170 w 5011002"/>
              <a:gd name="connsiteY0" fmla="*/ 22 h 6844994"/>
              <a:gd name="connsiteX1" fmla="*/ 5011002 w 5011002"/>
              <a:gd name="connsiteY1" fmla="*/ 22 h 6844994"/>
              <a:gd name="connsiteX2" fmla="*/ 5007771 w 5011002"/>
              <a:gd name="connsiteY2" fmla="*/ 6844994 h 6844994"/>
              <a:gd name="connsiteX3" fmla="*/ 922244 w 5011002"/>
              <a:gd name="connsiteY3" fmla="*/ 6831735 h 6844994"/>
              <a:gd name="connsiteX4" fmla="*/ 584170 w 5011002"/>
              <a:gd name="connsiteY4" fmla="*/ 22 h 6844994"/>
              <a:gd name="connsiteX0" fmla="*/ 575491 w 5002323"/>
              <a:gd name="connsiteY0" fmla="*/ 22 h 6844994"/>
              <a:gd name="connsiteX1" fmla="*/ 5002323 w 5002323"/>
              <a:gd name="connsiteY1" fmla="*/ 22 h 6844994"/>
              <a:gd name="connsiteX2" fmla="*/ 4999092 w 5002323"/>
              <a:gd name="connsiteY2" fmla="*/ 6844994 h 6844994"/>
              <a:gd name="connsiteX3" fmla="*/ 913565 w 5002323"/>
              <a:gd name="connsiteY3" fmla="*/ 6831735 h 6844994"/>
              <a:gd name="connsiteX4" fmla="*/ 575491 w 5002323"/>
              <a:gd name="connsiteY4" fmla="*/ 22 h 6844994"/>
              <a:gd name="connsiteX0" fmla="*/ 784290 w 5211122"/>
              <a:gd name="connsiteY0" fmla="*/ 22 h 6844994"/>
              <a:gd name="connsiteX1" fmla="*/ 5211122 w 5211122"/>
              <a:gd name="connsiteY1" fmla="*/ 22 h 6844994"/>
              <a:gd name="connsiteX2" fmla="*/ 5207891 w 5211122"/>
              <a:gd name="connsiteY2" fmla="*/ 6844994 h 6844994"/>
              <a:gd name="connsiteX3" fmla="*/ 1122364 w 5211122"/>
              <a:gd name="connsiteY3" fmla="*/ 6831735 h 6844994"/>
              <a:gd name="connsiteX4" fmla="*/ 784290 w 5211122"/>
              <a:gd name="connsiteY4" fmla="*/ 22 h 68449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11122" h="6844994">
                <a:moveTo>
                  <a:pt x="784290" y="22"/>
                </a:moveTo>
                <a:lnTo>
                  <a:pt x="5211122" y="22"/>
                </a:lnTo>
                <a:cubicBezTo>
                  <a:pt x="5196537" y="-12954"/>
                  <a:pt x="5210793" y="5802227"/>
                  <a:pt x="5207891" y="6844994"/>
                </a:cubicBezTo>
                <a:lnTo>
                  <a:pt x="1122364" y="6831735"/>
                </a:lnTo>
                <a:cubicBezTo>
                  <a:pt x="1371473" y="4284885"/>
                  <a:pt x="-1261951" y="3620920"/>
                  <a:pt x="784290" y="2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556000" anchor="t">
            <a:noAutofit/>
          </a:bodyPr>
          <a:lstStyle>
            <a:lvl1pPr marL="0" indent="0" algn="ctr">
              <a:buNone/>
              <a:defRPr sz="1400">
                <a:solidFill>
                  <a:schemeClr val="bg1">
                    <a:lumMod val="65000"/>
                  </a:schemeClr>
                </a:solidFill>
              </a:defRPr>
            </a:lvl1pPr>
          </a:lstStyle>
          <a:p>
            <a:r>
              <a:rPr lang="en-US"/>
              <a:t>click icon to add picture</a:t>
            </a:r>
          </a:p>
        </p:txBody>
      </p:sp>
      <p:sp>
        <p:nvSpPr>
          <p:cNvPr id="4" name="Title 1">
            <a:extLst>
              <a:ext uri="{FF2B5EF4-FFF2-40B4-BE49-F238E27FC236}">
                <a16:creationId xmlns:a16="http://schemas.microsoft.com/office/drawing/2014/main" id="{DE6859C0-78A2-FB2A-8530-A83A1D489675}"/>
              </a:ext>
            </a:extLst>
          </p:cNvPr>
          <p:cNvSpPr>
            <a:spLocks noGrp="1"/>
          </p:cNvSpPr>
          <p:nvPr>
            <p:ph type="title"/>
          </p:nvPr>
        </p:nvSpPr>
        <p:spPr>
          <a:xfrm>
            <a:off x="545276" y="833695"/>
            <a:ext cx="7369532"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5454E521-20A0-E0DF-0A23-3C30669D6C63}"/>
              </a:ext>
            </a:extLst>
          </p:cNvPr>
          <p:cNvSpPr>
            <a:spLocks noGrp="1"/>
          </p:cNvSpPr>
          <p:nvPr>
            <p:ph sz="quarter" idx="10" hasCustomPrompt="1"/>
          </p:nvPr>
        </p:nvSpPr>
        <p:spPr>
          <a:xfrm>
            <a:off x="545275" y="2333042"/>
            <a:ext cx="7369532"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455439BD-890E-C6E9-1EE4-76425C9B407E}"/>
              </a:ext>
            </a:extLst>
          </p:cNvPr>
          <p:cNvSpPr>
            <a:spLocks noGrp="1"/>
          </p:cNvSpPr>
          <p:nvPr>
            <p:ph type="body" sz="quarter" idx="12"/>
          </p:nvPr>
        </p:nvSpPr>
        <p:spPr>
          <a:xfrm>
            <a:off x="545275" y="1823776"/>
            <a:ext cx="7369532"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41847A08-C55A-1466-1034-D72EA636F0D2}"/>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pic>
        <p:nvPicPr>
          <p:cNvPr id="2" name="Graphic 7">
            <a:extLst>
              <a:ext uri="{FF2B5EF4-FFF2-40B4-BE49-F238E27FC236}">
                <a16:creationId xmlns:a16="http://schemas.microsoft.com/office/drawing/2014/main" id="{63236BB7-3D5D-AEE7-2707-5E10E6A38FDD}"/>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533400" y="6125595"/>
            <a:ext cx="8676641" cy="552521"/>
          </a:xfrm>
          <a:prstGeom prst="rect">
            <a:avLst/>
          </a:prstGeom>
        </p:spPr>
      </p:pic>
    </p:spTree>
    <p:extLst>
      <p:ext uri="{BB962C8B-B14F-4D97-AF65-F5344CB8AC3E}">
        <p14:creationId xmlns:p14="http://schemas.microsoft.com/office/powerpoint/2010/main" val="26602363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1_Blank">
    <p:bg>
      <p:bgPr>
        <a:solidFill>
          <a:schemeClr val="tx1"/>
        </a:solidFill>
        <a:effectLst/>
      </p:bgPr>
    </p:bg>
    <p:spTree>
      <p:nvGrpSpPr>
        <p:cNvPr id="1" name=""/>
        <p:cNvGrpSpPr/>
        <p:nvPr/>
      </p:nvGrpSpPr>
      <p:grpSpPr>
        <a:xfrm>
          <a:off x="0" y="0"/>
          <a:ext cx="0" cy="0"/>
          <a:chOff x="0" y="0"/>
          <a:chExt cx="0" cy="0"/>
        </a:xfrm>
      </p:grpSpPr>
      <p:sp>
        <p:nvSpPr>
          <p:cNvPr id="2" name="Title Placeholder 7">
            <a:extLst>
              <a:ext uri="{FF2B5EF4-FFF2-40B4-BE49-F238E27FC236}">
                <a16:creationId xmlns:a16="http://schemas.microsoft.com/office/drawing/2014/main" id="{7766FA9B-DA63-D0A8-C650-1B243E599E9F}"/>
              </a:ext>
            </a:extLst>
          </p:cNvPr>
          <p:cNvSpPr>
            <a:spLocks noGrp="1"/>
          </p:cNvSpPr>
          <p:nvPr>
            <p:ph type="title"/>
          </p:nvPr>
        </p:nvSpPr>
        <p:spPr>
          <a:xfrm>
            <a:off x="533400" y="1900618"/>
            <a:ext cx="10515600" cy="1325563"/>
          </a:xfrm>
          <a:prstGeom prst="rect">
            <a:avLst/>
          </a:prstGeom>
        </p:spPr>
        <p:txBody>
          <a:bodyPr vert="horz" lIns="0" tIns="0" rIns="0" bIns="0" rtlCol="0" anchor="b" anchorCtr="0">
            <a:noAutofit/>
          </a:bodyPr>
          <a:lstStyle/>
          <a:p>
            <a:r>
              <a:rPr lang="en-US"/>
              <a:t>Click to edit Master title style</a:t>
            </a:r>
          </a:p>
        </p:txBody>
      </p:sp>
      <p:sp>
        <p:nvSpPr>
          <p:cNvPr id="4" name="Text Placeholder 2">
            <a:extLst>
              <a:ext uri="{FF2B5EF4-FFF2-40B4-BE49-F238E27FC236}">
                <a16:creationId xmlns:a16="http://schemas.microsoft.com/office/drawing/2014/main" id="{63A27306-69E5-ADE5-6CAC-922892D6829B}"/>
              </a:ext>
            </a:extLst>
          </p:cNvPr>
          <p:cNvSpPr>
            <a:spLocks noGrp="1"/>
          </p:cNvSpPr>
          <p:nvPr>
            <p:ph type="body" idx="1"/>
          </p:nvPr>
        </p:nvSpPr>
        <p:spPr>
          <a:xfrm>
            <a:off x="533400" y="3395272"/>
            <a:ext cx="9325529" cy="648325"/>
          </a:xfrm>
          <a:prstGeom prst="rect">
            <a:avLst/>
          </a:prstGeom>
        </p:spPr>
        <p:txBody>
          <a:bodyPr>
            <a:normAutofit/>
          </a:bodyPr>
          <a:lstStyle>
            <a:lvl1pPr marL="0" indent="0">
              <a:buNone/>
              <a:defRPr sz="2400">
                <a:solidFill>
                  <a:schemeClr val="accent1"/>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pic>
        <p:nvPicPr>
          <p:cNvPr id="6" name="Graphic 3">
            <a:extLst>
              <a:ext uri="{FF2B5EF4-FFF2-40B4-BE49-F238E27FC236}">
                <a16:creationId xmlns:a16="http://schemas.microsoft.com/office/drawing/2014/main" id="{6A4E5F8C-6E40-109A-1F54-023BB8B27C73}"/>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85691698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xt slide - Blank">
    <p:bg>
      <p:bgPr>
        <a:solidFill>
          <a:schemeClr val="tx1"/>
        </a:solidFill>
        <a:effectLst/>
      </p:bgPr>
    </p:bg>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05A4F5C1-F5AF-7E9A-26B7-6522016DE7C9}"/>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2" name="Text Placeholder 17">
            <a:extLst>
              <a:ext uri="{FF2B5EF4-FFF2-40B4-BE49-F238E27FC236}">
                <a16:creationId xmlns:a16="http://schemas.microsoft.com/office/drawing/2014/main" id="{FE6D1284-6162-2D13-090C-E15E4439D9AF}"/>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78026057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35347395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xt slide 1">
    <p:spTree>
      <p:nvGrpSpPr>
        <p:cNvPr id="1" name=""/>
        <p:cNvGrpSpPr/>
        <p:nvPr/>
      </p:nvGrpSpPr>
      <p:grpSpPr>
        <a:xfrm>
          <a:off x="0" y="0"/>
          <a:ext cx="0" cy="0"/>
          <a:chOff x="0" y="0"/>
          <a:chExt cx="0" cy="0"/>
        </a:xfrm>
      </p:grpSpPr>
      <p:sp>
        <p:nvSpPr>
          <p:cNvPr id="5" name="Text Placeholder 17">
            <a:extLst>
              <a:ext uri="{FF2B5EF4-FFF2-40B4-BE49-F238E27FC236}">
                <a16:creationId xmlns:a16="http://schemas.microsoft.com/office/drawing/2014/main" id="{3B32F8D0-3042-C91F-50A1-DC71AFE68342}"/>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6" name="Marcador de texto 2">
            <a:extLst>
              <a:ext uri="{FF2B5EF4-FFF2-40B4-BE49-F238E27FC236}">
                <a16:creationId xmlns:a16="http://schemas.microsoft.com/office/drawing/2014/main" id="{B7A92832-938F-589E-92D8-B3F79A12527E}"/>
              </a:ext>
            </a:extLst>
          </p:cNvPr>
          <p:cNvSpPr>
            <a:spLocks noGrp="1" noChangeArrowheads="1"/>
          </p:cNvSpPr>
          <p:nvPr>
            <p:ph idx="1" hasCustomPrompt="1"/>
          </p:nvPr>
        </p:nvSpPr>
        <p:spPr bwMode="auto">
          <a:xfrm>
            <a:off x="545275" y="1840676"/>
            <a:ext cx="7204639"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lvl1pPr marL="0" indent="0">
              <a:buNone/>
              <a:defRPr sz="2000" b="0" i="0">
                <a:latin typeface="+mn-lt"/>
              </a:defRPr>
            </a:lvl1pPr>
            <a:lvl2pPr marL="236538" indent="0">
              <a:buNone/>
              <a:tabLst/>
              <a:defRPr/>
            </a:lvl2pPr>
            <a:lvl3pPr marL="11113" indent="0">
              <a:buFont typeface="Arial" panose="020B0604020202020204" pitchFamily="34" charset="0"/>
              <a:buNone/>
              <a:tabLst/>
              <a:defRPr sz="1800">
                <a:latin typeface="+mn-lt"/>
              </a:defRPr>
            </a:lvl3pPr>
            <a:lvl4pPr marL="628650" indent="-225425">
              <a:tabLst/>
              <a:defRPr/>
            </a:lvl4pPr>
            <a:lvl5pPr marL="628650" indent="-225425">
              <a:tabLst/>
              <a:defRPr/>
            </a:lvl5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7" name="Title Placeholder 1">
            <a:extLst>
              <a:ext uri="{FF2B5EF4-FFF2-40B4-BE49-F238E27FC236}">
                <a16:creationId xmlns:a16="http://schemas.microsoft.com/office/drawing/2014/main" id="{0FF5E8D4-C3F7-9344-7A06-D4DA41100B4C}"/>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r>
              <a:rPr lang="en-US"/>
              <a:t>Click to edit Master title style</a:t>
            </a:r>
          </a:p>
        </p:txBody>
      </p:sp>
    </p:spTree>
    <p:extLst>
      <p:ext uri="{BB962C8B-B14F-4D97-AF65-F5344CB8AC3E}">
        <p14:creationId xmlns:p14="http://schemas.microsoft.com/office/powerpoint/2010/main" val="44998065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 slide 2">
    <p:bg>
      <p:bgPr>
        <a:solidFill>
          <a:schemeClr val="tx1"/>
        </a:solidFill>
        <a:effectLst/>
      </p:bgPr>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5" name="Content Placeholder 8">
            <a:extLst>
              <a:ext uri="{FF2B5EF4-FFF2-40B4-BE49-F238E27FC236}">
                <a16:creationId xmlns:a16="http://schemas.microsoft.com/office/drawing/2014/main" id="{5D2B91B8-ED2E-EE25-2CA3-7DF54611A1DC}"/>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D2A7D20A-6480-4847-DC11-4F533A9AA6EC}"/>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Marcador de pie de página 8">
            <a:extLst>
              <a:ext uri="{FF2B5EF4-FFF2-40B4-BE49-F238E27FC236}">
                <a16:creationId xmlns:a16="http://schemas.microsoft.com/office/drawing/2014/main" id="{DEFE6A48-3ADB-8B97-716C-D79FE1643581}"/>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107876367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ext slide 3">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523F2394-ACA9-97ED-2F21-39729F926E02}"/>
              </a:ext>
            </a:extLst>
          </p:cNvPr>
          <p:cNvSpPr>
            <a:spLocks noGrp="1"/>
          </p:cNvSpPr>
          <p:nvPr>
            <p:ph sz="quarter" idx="11" hasCustomPrompt="1"/>
          </p:nvPr>
        </p:nvSpPr>
        <p:spPr>
          <a:xfrm>
            <a:off x="545275" y="2333042"/>
            <a:ext cx="4930238" cy="3414613"/>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Content Placeholder 8">
            <a:extLst>
              <a:ext uri="{FF2B5EF4-FFF2-40B4-BE49-F238E27FC236}">
                <a16:creationId xmlns:a16="http://schemas.microsoft.com/office/drawing/2014/main" id="{70ECEA33-D23D-4954-9D79-E25516DB4C57}"/>
              </a:ext>
            </a:extLst>
          </p:cNvPr>
          <p:cNvSpPr>
            <a:spLocks noGrp="1"/>
          </p:cNvSpPr>
          <p:nvPr>
            <p:ph sz="quarter" idx="13" hasCustomPrompt="1"/>
          </p:nvPr>
        </p:nvSpPr>
        <p:spPr>
          <a:xfrm>
            <a:off x="6091636" y="2333042"/>
            <a:ext cx="4930238" cy="3414613"/>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A591CED0-1670-E081-963F-5CE5E6588E39}"/>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F9A1EF1E-18D4-588B-13BC-0473AE4F40B5}"/>
              </a:ext>
            </a:extLst>
          </p:cNvPr>
          <p:cNvSpPr>
            <a:spLocks noGrp="1"/>
          </p:cNvSpPr>
          <p:nvPr>
            <p:ph type="body" sz="quarter" idx="15"/>
          </p:nvPr>
        </p:nvSpPr>
        <p:spPr>
          <a:xfrm>
            <a:off x="6076646"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8" name="Title Placeholder 1">
            <a:extLst>
              <a:ext uri="{FF2B5EF4-FFF2-40B4-BE49-F238E27FC236}">
                <a16:creationId xmlns:a16="http://schemas.microsoft.com/office/drawing/2014/main" id="{C33CFCB9-9878-532B-320F-525C53CFBE01}"/>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9" name="Marcador de pie de página 8">
            <a:extLst>
              <a:ext uri="{FF2B5EF4-FFF2-40B4-BE49-F238E27FC236}">
                <a16:creationId xmlns:a16="http://schemas.microsoft.com/office/drawing/2014/main" id="{923DC0D6-9833-214E-0B82-00735EDDED9A}"/>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319176952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ext slide 4">
    <p:spTree>
      <p:nvGrpSpPr>
        <p:cNvPr id="1" name=""/>
        <p:cNvGrpSpPr/>
        <p:nvPr/>
      </p:nvGrpSpPr>
      <p:grpSpPr>
        <a:xfrm>
          <a:off x="0" y="0"/>
          <a:ext cx="0" cy="0"/>
          <a:chOff x="0" y="0"/>
          <a:chExt cx="0" cy="0"/>
        </a:xfrm>
      </p:grpSpPr>
      <p:sp>
        <p:nvSpPr>
          <p:cNvPr id="4" name="Content Placeholder 5">
            <a:extLst>
              <a:ext uri="{FF2B5EF4-FFF2-40B4-BE49-F238E27FC236}">
                <a16:creationId xmlns:a16="http://schemas.microsoft.com/office/drawing/2014/main" id="{71EAF8C3-13D7-6431-EAEB-248408FBB5AF}"/>
              </a:ext>
            </a:extLst>
          </p:cNvPr>
          <p:cNvSpPr>
            <a:spLocks noGrp="1"/>
          </p:cNvSpPr>
          <p:nvPr>
            <p:ph sz="quarter" idx="14"/>
          </p:nvPr>
        </p:nvSpPr>
        <p:spPr>
          <a:xfrm>
            <a:off x="6091238" y="1839233"/>
            <a:ext cx="4930775" cy="3908425"/>
          </a:xfrm>
        </p:spPr>
        <p:txBody>
          <a:bodyPr/>
          <a:lstStyle>
            <a:lvl1pPr marL="223838" indent="-223838">
              <a:buClr>
                <a:schemeClr val="accent1"/>
              </a:buClr>
              <a:buFont typeface="Arial" panose="020B0604020202020204" pitchFamily="34" charset="0"/>
              <a:buChar char="•"/>
              <a:tabLst/>
              <a:defRPr>
                <a:solidFill>
                  <a:schemeClr val="bg1"/>
                </a:solidFill>
              </a:defRPr>
            </a:lvl1pPr>
            <a:lvl2pPr marL="671513" indent="-214313">
              <a:buClr>
                <a:schemeClr val="accent1"/>
              </a:buClr>
              <a:buFont typeface="Arial" panose="020B0604020202020204" pitchFamily="34" charset="0"/>
              <a:buChar char="•"/>
              <a:tabLst/>
              <a:defRPr>
                <a:solidFill>
                  <a:schemeClr val="bg1"/>
                </a:solidFill>
              </a:defRPr>
            </a:lvl2pPr>
            <a:lvl3pPr>
              <a:buClr>
                <a:schemeClr val="accent1"/>
              </a:buClr>
              <a:defRPr>
                <a:solidFill>
                  <a:schemeClr val="bg1"/>
                </a:solidFill>
              </a:defRPr>
            </a:lvl3pPr>
            <a:lvl4pPr>
              <a:buClr>
                <a:schemeClr val="accent1"/>
              </a:buClr>
              <a:defRPr>
                <a:solidFill>
                  <a:schemeClr val="bg1"/>
                </a:solidFill>
              </a:defRPr>
            </a:lvl4pPr>
            <a:lvl5pPr>
              <a:buClr>
                <a:schemeClr val="accent1"/>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MX"/>
          </a:p>
        </p:txBody>
      </p:sp>
      <p:sp>
        <p:nvSpPr>
          <p:cNvPr id="5" name="Content Placeholder 8">
            <a:extLst>
              <a:ext uri="{FF2B5EF4-FFF2-40B4-BE49-F238E27FC236}">
                <a16:creationId xmlns:a16="http://schemas.microsoft.com/office/drawing/2014/main" id="{617D19D1-74E0-B47D-CEA4-5908832C8607}"/>
              </a:ext>
            </a:extLst>
          </p:cNvPr>
          <p:cNvSpPr>
            <a:spLocks noGrp="1"/>
          </p:cNvSpPr>
          <p:nvPr>
            <p:ph sz="quarter" idx="15" hasCustomPrompt="1"/>
          </p:nvPr>
        </p:nvSpPr>
        <p:spPr>
          <a:xfrm>
            <a:off x="545275" y="1808560"/>
            <a:ext cx="4930238" cy="3939095"/>
          </a:xfrm>
        </p:spPr>
        <p:txBody>
          <a:bodyPr/>
          <a:lstStyle>
            <a:lvl3pPr marL="14288" indent="0">
              <a:buNone/>
              <a:tabLst/>
              <a:defRPr>
                <a:solidFill>
                  <a:schemeClr val="bg1"/>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itle Placeholder 1">
            <a:extLst>
              <a:ext uri="{FF2B5EF4-FFF2-40B4-BE49-F238E27FC236}">
                <a16:creationId xmlns:a16="http://schemas.microsoft.com/office/drawing/2014/main" id="{FB20D06F-2CB1-298F-2ED3-74CA87E69067}"/>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7" name="Marcador de pie de página 8">
            <a:extLst>
              <a:ext uri="{FF2B5EF4-FFF2-40B4-BE49-F238E27FC236}">
                <a16:creationId xmlns:a16="http://schemas.microsoft.com/office/drawing/2014/main" id="{439C1290-7914-1BED-293F-E353C07DEBFD}"/>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236964544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xt slide + Graph">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489B02A7-3A95-2A18-C536-AE4DB6E54E7B}"/>
              </a:ext>
            </a:extLst>
          </p:cNvPr>
          <p:cNvSpPr>
            <a:spLocks noGrp="1"/>
          </p:cNvSpPr>
          <p:nvPr>
            <p:ph sz="quarter" idx="11"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5" name="Text Placeholder 17">
            <a:extLst>
              <a:ext uri="{FF2B5EF4-FFF2-40B4-BE49-F238E27FC236}">
                <a16:creationId xmlns:a16="http://schemas.microsoft.com/office/drawing/2014/main" id="{B6254F07-D5F5-B2DF-4D19-AAEA17F2E46C}"/>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6" name="Chart Placeholder 3">
            <a:extLst>
              <a:ext uri="{FF2B5EF4-FFF2-40B4-BE49-F238E27FC236}">
                <a16:creationId xmlns:a16="http://schemas.microsoft.com/office/drawing/2014/main" id="{221DB7FA-ECC2-3BDB-AD46-C9B4A1DE8455}"/>
              </a:ext>
            </a:extLst>
          </p:cNvPr>
          <p:cNvSpPr>
            <a:spLocks noGrp="1"/>
          </p:cNvSpPr>
          <p:nvPr>
            <p:ph type="chart" sz="quarter" idx="14"/>
          </p:nvPr>
        </p:nvSpPr>
        <p:spPr>
          <a:xfrm>
            <a:off x="5961088" y="1824038"/>
            <a:ext cx="4930775" cy="3924300"/>
          </a:xfrm>
          <a:solidFill>
            <a:schemeClr val="tx1">
              <a:lumMod val="75000"/>
            </a:schemeClr>
          </a:solidFill>
        </p:spPr>
        <p:txBody>
          <a:bodyPr/>
          <a:lstStyle/>
          <a:p>
            <a:endParaRPr lang="en-MX"/>
          </a:p>
        </p:txBody>
      </p:sp>
      <p:sp>
        <p:nvSpPr>
          <p:cNvPr id="7" name="Title Placeholder 1">
            <a:extLst>
              <a:ext uri="{FF2B5EF4-FFF2-40B4-BE49-F238E27FC236}">
                <a16:creationId xmlns:a16="http://schemas.microsoft.com/office/drawing/2014/main" id="{FDA79AF6-D5AC-E85D-98A8-A1F75A1D5928}"/>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8" name="Marcador de pie de página 8">
            <a:extLst>
              <a:ext uri="{FF2B5EF4-FFF2-40B4-BE49-F238E27FC236}">
                <a16:creationId xmlns:a16="http://schemas.microsoft.com/office/drawing/2014/main" id="{8AC93D11-2528-DB4C-F41B-1F993DBA3FB5}"/>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243726806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ext slide - Highlights">
    <p:spTree>
      <p:nvGrpSpPr>
        <p:cNvPr id="1" name=""/>
        <p:cNvGrpSpPr/>
        <p:nvPr/>
      </p:nvGrpSpPr>
      <p:grpSpPr>
        <a:xfrm>
          <a:off x="0" y="0"/>
          <a:ext cx="0" cy="0"/>
          <a:chOff x="0" y="0"/>
          <a:chExt cx="0" cy="0"/>
        </a:xfrm>
      </p:grpSpPr>
      <p:sp>
        <p:nvSpPr>
          <p:cNvPr id="4" name="Content Placeholder 8">
            <a:extLst>
              <a:ext uri="{FF2B5EF4-FFF2-40B4-BE49-F238E27FC236}">
                <a16:creationId xmlns:a16="http://schemas.microsoft.com/office/drawing/2014/main" id="{6468D9E3-1D71-BE9D-C5E6-EEA9260A4762}"/>
              </a:ext>
            </a:extLst>
          </p:cNvPr>
          <p:cNvSpPr>
            <a:spLocks noGrp="1"/>
          </p:cNvSpPr>
          <p:nvPr>
            <p:ph sz="quarter" idx="11" hasCustomPrompt="1"/>
          </p:nvPr>
        </p:nvSpPr>
        <p:spPr>
          <a:xfrm>
            <a:off x="4353050"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5" name="Content Placeholder 8">
            <a:extLst>
              <a:ext uri="{FF2B5EF4-FFF2-40B4-BE49-F238E27FC236}">
                <a16:creationId xmlns:a16="http://schemas.microsoft.com/office/drawing/2014/main" id="{537D2A0D-A7AA-1095-3C90-14E22E93DD46}"/>
              </a:ext>
            </a:extLst>
          </p:cNvPr>
          <p:cNvSpPr>
            <a:spLocks noGrp="1"/>
          </p:cNvSpPr>
          <p:nvPr>
            <p:ph sz="quarter" idx="12" hasCustomPrompt="1"/>
          </p:nvPr>
        </p:nvSpPr>
        <p:spPr>
          <a:xfrm>
            <a:off x="8239136"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6" name="Picture Placeholder 20">
            <a:extLst>
              <a:ext uri="{FF2B5EF4-FFF2-40B4-BE49-F238E27FC236}">
                <a16:creationId xmlns:a16="http://schemas.microsoft.com/office/drawing/2014/main" id="{2515BFA1-C25F-0F6C-7C1F-16FE73D12D6C}"/>
              </a:ext>
            </a:extLst>
          </p:cNvPr>
          <p:cNvSpPr>
            <a:spLocks noGrp="1"/>
          </p:cNvSpPr>
          <p:nvPr>
            <p:ph type="pic" sz="quarter" idx="13"/>
          </p:nvPr>
        </p:nvSpPr>
        <p:spPr>
          <a:xfrm>
            <a:off x="1310728" y="2133107"/>
            <a:ext cx="1804013" cy="1810400"/>
          </a:xfrm>
          <a:prstGeom prst="ellipse">
            <a:avLst/>
          </a:prstGeom>
          <a:solidFill>
            <a:schemeClr val="bg2"/>
          </a:solidFill>
        </p:spPr>
        <p:txBody>
          <a:bodyPr/>
          <a:lstStyle/>
          <a:p>
            <a:endParaRPr lang="en-MX"/>
          </a:p>
        </p:txBody>
      </p:sp>
      <p:sp>
        <p:nvSpPr>
          <p:cNvPr id="7" name="Picture Placeholder 20">
            <a:extLst>
              <a:ext uri="{FF2B5EF4-FFF2-40B4-BE49-F238E27FC236}">
                <a16:creationId xmlns:a16="http://schemas.microsoft.com/office/drawing/2014/main" id="{467A8556-D2A1-523C-2CF7-6499DBCBB33A}"/>
              </a:ext>
            </a:extLst>
          </p:cNvPr>
          <p:cNvSpPr>
            <a:spLocks noGrp="1"/>
          </p:cNvSpPr>
          <p:nvPr>
            <p:ph type="pic" sz="quarter" idx="14"/>
          </p:nvPr>
        </p:nvSpPr>
        <p:spPr>
          <a:xfrm>
            <a:off x="5218980" y="2133107"/>
            <a:ext cx="1804013" cy="1810400"/>
          </a:xfrm>
          <a:prstGeom prst="ellipse">
            <a:avLst/>
          </a:prstGeom>
          <a:solidFill>
            <a:schemeClr val="bg2"/>
          </a:solidFill>
        </p:spPr>
        <p:txBody>
          <a:bodyPr/>
          <a:lstStyle/>
          <a:p>
            <a:endParaRPr lang="en-MX"/>
          </a:p>
        </p:txBody>
      </p:sp>
      <p:sp>
        <p:nvSpPr>
          <p:cNvPr id="8" name="Picture Placeholder 20">
            <a:extLst>
              <a:ext uri="{FF2B5EF4-FFF2-40B4-BE49-F238E27FC236}">
                <a16:creationId xmlns:a16="http://schemas.microsoft.com/office/drawing/2014/main" id="{8CC4B608-0EE7-DDE4-7787-7FBB9CB77915}"/>
              </a:ext>
            </a:extLst>
          </p:cNvPr>
          <p:cNvSpPr>
            <a:spLocks noGrp="1"/>
          </p:cNvSpPr>
          <p:nvPr>
            <p:ph type="pic" sz="quarter" idx="15"/>
          </p:nvPr>
        </p:nvSpPr>
        <p:spPr>
          <a:xfrm>
            <a:off x="9077259" y="2133107"/>
            <a:ext cx="1804013" cy="1810400"/>
          </a:xfrm>
          <a:prstGeom prst="ellipse">
            <a:avLst/>
          </a:prstGeom>
          <a:solidFill>
            <a:schemeClr val="bg2"/>
          </a:solidFill>
        </p:spPr>
        <p:txBody>
          <a:bodyPr/>
          <a:lstStyle/>
          <a:p>
            <a:endParaRPr lang="en-MX"/>
          </a:p>
        </p:txBody>
      </p:sp>
      <p:sp>
        <p:nvSpPr>
          <p:cNvPr id="9" name="Content Placeholder 8">
            <a:extLst>
              <a:ext uri="{FF2B5EF4-FFF2-40B4-BE49-F238E27FC236}">
                <a16:creationId xmlns:a16="http://schemas.microsoft.com/office/drawing/2014/main" id="{F77821F0-55E3-763D-D7AF-6F9B5C37A4A0}"/>
              </a:ext>
            </a:extLst>
          </p:cNvPr>
          <p:cNvSpPr>
            <a:spLocks noGrp="1"/>
          </p:cNvSpPr>
          <p:nvPr>
            <p:ph sz="quarter" idx="17" hasCustomPrompt="1"/>
          </p:nvPr>
        </p:nvSpPr>
        <p:spPr>
          <a:xfrm>
            <a:off x="625767" y="4824251"/>
            <a:ext cx="3268233" cy="830891"/>
          </a:xfrm>
        </p:spPr>
        <p:txBody>
          <a:bodyPr/>
          <a:lstStyle>
            <a:lvl3pPr marL="14288" indent="0" algn="ctr">
              <a:buNone/>
              <a:tabLst/>
              <a:defRPr sz="1800"/>
            </a:lvl3pPr>
          </a:lstStyle>
          <a:p>
            <a:pPr lvl="2"/>
            <a:r>
              <a:rPr lang="es-MX" altLang="es-MX"/>
              <a:t>Lorem ipsum dolor sit amet hendrerit dolore ultricies erat dolore. </a:t>
            </a:r>
          </a:p>
        </p:txBody>
      </p:sp>
      <p:sp>
        <p:nvSpPr>
          <p:cNvPr id="10" name="Text Placeholder 30">
            <a:extLst>
              <a:ext uri="{FF2B5EF4-FFF2-40B4-BE49-F238E27FC236}">
                <a16:creationId xmlns:a16="http://schemas.microsoft.com/office/drawing/2014/main" id="{7C036CC0-06A9-49EB-EBBE-C71D74A37A20}"/>
              </a:ext>
            </a:extLst>
          </p:cNvPr>
          <p:cNvSpPr>
            <a:spLocks noGrp="1"/>
          </p:cNvSpPr>
          <p:nvPr>
            <p:ph type="body" sz="quarter" idx="20" hasCustomPrompt="1"/>
          </p:nvPr>
        </p:nvSpPr>
        <p:spPr>
          <a:xfrm>
            <a:off x="619125"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1" name="Text Placeholder 30">
            <a:extLst>
              <a:ext uri="{FF2B5EF4-FFF2-40B4-BE49-F238E27FC236}">
                <a16:creationId xmlns:a16="http://schemas.microsoft.com/office/drawing/2014/main" id="{0103CFCC-69CB-77BF-ACF0-B54B3B8754DA}"/>
              </a:ext>
            </a:extLst>
          </p:cNvPr>
          <p:cNvSpPr>
            <a:spLocks noGrp="1"/>
          </p:cNvSpPr>
          <p:nvPr>
            <p:ph type="body" sz="quarter" idx="21" hasCustomPrompt="1"/>
          </p:nvPr>
        </p:nvSpPr>
        <p:spPr>
          <a:xfrm>
            <a:off x="4351676"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2" name="Text Placeholder 30">
            <a:extLst>
              <a:ext uri="{FF2B5EF4-FFF2-40B4-BE49-F238E27FC236}">
                <a16:creationId xmlns:a16="http://schemas.microsoft.com/office/drawing/2014/main" id="{5A957593-CBA5-73F3-19D2-37D8213F2C39}"/>
              </a:ext>
            </a:extLst>
          </p:cNvPr>
          <p:cNvSpPr>
            <a:spLocks noGrp="1"/>
          </p:cNvSpPr>
          <p:nvPr>
            <p:ph type="body" sz="quarter" idx="22" hasCustomPrompt="1"/>
          </p:nvPr>
        </p:nvSpPr>
        <p:spPr>
          <a:xfrm>
            <a:off x="8219138" y="4250421"/>
            <a:ext cx="3275013" cy="463550"/>
          </a:xfrm>
        </p:spPr>
        <p:txBody>
          <a:bodyPr anchor="ctr"/>
          <a:lstStyle>
            <a:lvl1pPr algn="ctr">
              <a:defRPr sz="2000" b="1">
                <a:solidFill>
                  <a:schemeClr val="bg1"/>
                </a:solidFill>
                <a:latin typeface="Lora" pitchFamily="2" charset="77"/>
              </a:defRPr>
            </a:lvl1pPr>
            <a:lvl2pPr algn="ctr">
              <a:defRPr b="1">
                <a:latin typeface="Lora" pitchFamily="2" charset="77"/>
              </a:defRPr>
            </a:lvl2pPr>
            <a:lvl3pPr algn="ctr">
              <a:defRPr b="1">
                <a:latin typeface="Lora" pitchFamily="2" charset="77"/>
              </a:defRPr>
            </a:lvl3pPr>
            <a:lvl4pPr algn="ctr">
              <a:defRPr b="1">
                <a:latin typeface="Lora" pitchFamily="2" charset="77"/>
              </a:defRPr>
            </a:lvl4pPr>
            <a:lvl5pPr algn="ctr">
              <a:defRPr b="1">
                <a:latin typeface="Lora" pitchFamily="2" charset="77"/>
              </a:defRPr>
            </a:lvl5pPr>
          </a:lstStyle>
          <a:p>
            <a:pPr lvl="0"/>
            <a:r>
              <a:rPr lang="en-US"/>
              <a:t>Click to add text</a:t>
            </a:r>
          </a:p>
        </p:txBody>
      </p:sp>
      <p:sp>
        <p:nvSpPr>
          <p:cNvPr id="13" name="Title Placeholder 1">
            <a:extLst>
              <a:ext uri="{FF2B5EF4-FFF2-40B4-BE49-F238E27FC236}">
                <a16:creationId xmlns:a16="http://schemas.microsoft.com/office/drawing/2014/main" id="{DE4DA9C3-2954-2EF5-D381-C9143441AB27}"/>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14" name="Marcador de pie de página 8">
            <a:extLst>
              <a:ext uri="{FF2B5EF4-FFF2-40B4-BE49-F238E27FC236}">
                <a16:creationId xmlns:a16="http://schemas.microsoft.com/office/drawing/2014/main" id="{E264A780-17B6-684A-4CAD-D386298C609B}"/>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81582032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ext slide - Overview">
    <p:bg>
      <p:bgPr>
        <a:solidFill>
          <a:schemeClr val="tx1"/>
        </a:solidFill>
        <a:effectLst/>
      </p:bgPr>
    </p:bg>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B16AC497-D3D9-EA46-3EC2-1C10E0223C39}"/>
              </a:ext>
            </a:extLst>
          </p:cNvPr>
          <p:cNvSpPr>
            <a:spLocks noGrp="1"/>
          </p:cNvSpPr>
          <p:nvPr>
            <p:ph type="body" sz="quarter" idx="13" hasCustomPrompt="1"/>
          </p:nvPr>
        </p:nvSpPr>
        <p:spPr>
          <a:xfrm>
            <a:off x="533400" y="1562100"/>
            <a:ext cx="2268794" cy="2097336"/>
          </a:xfrm>
          <a:solidFill>
            <a:schemeClr val="tx1">
              <a:lumMod val="75000"/>
            </a:schemeClr>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9" name="Text Placeholder 8">
            <a:extLst>
              <a:ext uri="{FF2B5EF4-FFF2-40B4-BE49-F238E27FC236}">
                <a16:creationId xmlns:a16="http://schemas.microsoft.com/office/drawing/2014/main" id="{804F8343-FD5B-5ECC-6538-43FFC0D455FB}"/>
              </a:ext>
            </a:extLst>
          </p:cNvPr>
          <p:cNvSpPr>
            <a:spLocks noGrp="1"/>
          </p:cNvSpPr>
          <p:nvPr>
            <p:ph type="body" sz="quarter" idx="14"/>
          </p:nvPr>
        </p:nvSpPr>
        <p:spPr>
          <a:xfrm>
            <a:off x="2986548" y="1562100"/>
            <a:ext cx="8786352" cy="2097336"/>
          </a:xfrm>
          <a:solidFill>
            <a:schemeClr val="tx1">
              <a:lumMod val="75000"/>
            </a:schemeClr>
          </a:solidFill>
        </p:spPr>
        <p:txBody>
          <a:bodyPr lIns="182880" tIns="182880" rIns="182880"/>
          <a:lstStyle>
            <a:lvl1pPr>
              <a:defRPr sz="1600" b="0" i="0">
                <a:latin typeface="Nunito" pitchFamily="2" charset="77"/>
              </a:defRPr>
            </a:lvl1pPr>
          </a:lstStyle>
          <a:p>
            <a:endParaRPr lang="en-US"/>
          </a:p>
        </p:txBody>
      </p:sp>
      <p:sp>
        <p:nvSpPr>
          <p:cNvPr id="10" name="Text Placeholder 9">
            <a:extLst>
              <a:ext uri="{FF2B5EF4-FFF2-40B4-BE49-F238E27FC236}">
                <a16:creationId xmlns:a16="http://schemas.microsoft.com/office/drawing/2014/main" id="{9A076040-2B14-6867-2582-925D4093D4EC}"/>
              </a:ext>
            </a:extLst>
          </p:cNvPr>
          <p:cNvSpPr>
            <a:spLocks noGrp="1"/>
          </p:cNvSpPr>
          <p:nvPr>
            <p:ph type="body" sz="quarter" idx="15" hasCustomPrompt="1"/>
          </p:nvPr>
        </p:nvSpPr>
        <p:spPr>
          <a:xfrm>
            <a:off x="533400" y="3814097"/>
            <a:ext cx="2268794" cy="2013214"/>
          </a:xfrm>
          <a:solidFill>
            <a:schemeClr val="tx1">
              <a:lumMod val="75000"/>
            </a:schemeClr>
          </a:solidFill>
        </p:spPr>
        <p:txBody>
          <a:bodyPr lIns="182880" tIns="182880" rIns="182880"/>
          <a:lstStyle>
            <a:lvl1pPr>
              <a:defRPr sz="1600" b="1" i="0">
                <a:solidFill>
                  <a:schemeClr val="accent1"/>
                </a:solidFill>
                <a:latin typeface="Nunito" pitchFamily="2" charset="77"/>
              </a:defRPr>
            </a:lvl1pPr>
          </a:lstStyle>
          <a:p>
            <a:r>
              <a:rPr lang="en-US"/>
              <a:t>Overview</a:t>
            </a:r>
          </a:p>
        </p:txBody>
      </p:sp>
      <p:sp>
        <p:nvSpPr>
          <p:cNvPr id="11" name="Text Placeholder 10">
            <a:extLst>
              <a:ext uri="{FF2B5EF4-FFF2-40B4-BE49-F238E27FC236}">
                <a16:creationId xmlns:a16="http://schemas.microsoft.com/office/drawing/2014/main" id="{CF03ED5B-739A-2DF8-29DC-4C74436CE2FF}"/>
              </a:ext>
            </a:extLst>
          </p:cNvPr>
          <p:cNvSpPr>
            <a:spLocks noGrp="1"/>
          </p:cNvSpPr>
          <p:nvPr>
            <p:ph type="body" sz="quarter" idx="16"/>
          </p:nvPr>
        </p:nvSpPr>
        <p:spPr>
          <a:xfrm>
            <a:off x="2986548" y="3814097"/>
            <a:ext cx="8786352" cy="2013214"/>
          </a:xfrm>
          <a:solidFill>
            <a:schemeClr val="tx1">
              <a:lumMod val="75000"/>
            </a:schemeClr>
          </a:solidFill>
        </p:spPr>
        <p:txBody>
          <a:bodyPr lIns="182880" tIns="182880" rIns="182880"/>
          <a:lstStyle>
            <a:lvl1pPr>
              <a:defRPr sz="1600" b="0" i="0">
                <a:latin typeface="Nunito" pitchFamily="2" charset="77"/>
              </a:defRPr>
            </a:lvl1pPr>
          </a:lstStyle>
          <a:p>
            <a:endParaRPr lang="en-US"/>
          </a:p>
        </p:txBody>
      </p:sp>
      <p:sp>
        <p:nvSpPr>
          <p:cNvPr id="2" name="Title Placeholder 1">
            <a:extLst>
              <a:ext uri="{FF2B5EF4-FFF2-40B4-BE49-F238E27FC236}">
                <a16:creationId xmlns:a16="http://schemas.microsoft.com/office/drawing/2014/main" id="{FB835F6E-A323-18E5-4E9F-D3658621B883}"/>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3" name="Marcador de pie de página 8">
            <a:extLst>
              <a:ext uri="{FF2B5EF4-FFF2-40B4-BE49-F238E27FC236}">
                <a16:creationId xmlns:a16="http://schemas.microsoft.com/office/drawing/2014/main" id="{E267E688-A2D8-02BB-B9AD-79F3AA13F028}"/>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Tree>
    <p:extLst>
      <p:ext uri="{BB962C8B-B14F-4D97-AF65-F5344CB8AC3E}">
        <p14:creationId xmlns:p14="http://schemas.microsoft.com/office/powerpoint/2010/main" val="189213615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ext slide - Picture 3">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3C8A8C00-BEC7-8477-792B-AA80AB9974C5}"/>
              </a:ext>
            </a:extLst>
          </p:cNvPr>
          <p:cNvSpPr>
            <a:spLocks noGrp="1"/>
          </p:cNvSpPr>
          <p:nvPr>
            <p:ph type="title" hasCustomPrompt="1"/>
          </p:nvPr>
        </p:nvSpPr>
        <p:spPr>
          <a:xfrm>
            <a:off x="545276" y="833695"/>
            <a:ext cx="4930238" cy="737359"/>
          </a:xfrm>
        </p:spPr>
        <p:txBody>
          <a:bodyPr/>
          <a:lstStyle/>
          <a:p>
            <a:r>
              <a:rPr lang="en-US"/>
              <a:t>Click to edit Master</a:t>
            </a:r>
            <a:br>
              <a:rPr lang="en-US"/>
            </a:br>
            <a:r>
              <a:rPr lang="en-US"/>
              <a:t>title style</a:t>
            </a:r>
            <a:endParaRPr lang="en-MX"/>
          </a:p>
        </p:txBody>
      </p:sp>
      <p:sp>
        <p:nvSpPr>
          <p:cNvPr id="5" name="Content Placeholder 8">
            <a:extLst>
              <a:ext uri="{FF2B5EF4-FFF2-40B4-BE49-F238E27FC236}">
                <a16:creationId xmlns:a16="http://schemas.microsoft.com/office/drawing/2014/main" id="{17DF8954-4988-6847-FC94-D98641451D7F}"/>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A2125A8F-C463-E8BC-485D-271893C6AF76}"/>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3C1134EE-13C1-7DA5-80C7-3CEEF237394C}"/>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2" name="Picture Placeholder 25">
            <a:extLst>
              <a:ext uri="{FF2B5EF4-FFF2-40B4-BE49-F238E27FC236}">
                <a16:creationId xmlns:a16="http://schemas.microsoft.com/office/drawing/2014/main" id="{1F33FE3A-6614-0A62-7506-5B2C0102C0B8}"/>
              </a:ext>
            </a:extLst>
          </p:cNvPr>
          <p:cNvSpPr>
            <a:spLocks noGrp="1"/>
          </p:cNvSpPr>
          <p:nvPr>
            <p:ph type="pic" sz="quarter" idx="11" hasCustomPrompt="1"/>
          </p:nvPr>
        </p:nvSpPr>
        <p:spPr bwMode="auto">
          <a:xfrm>
            <a:off x="5480626" y="-10452"/>
            <a:ext cx="6735132" cy="6000315"/>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841527 w 5717615"/>
              <a:gd name="connsiteY0" fmla="*/ 0 h 6891678"/>
              <a:gd name="connsiteX1" fmla="*/ 5716935 w 5717615"/>
              <a:gd name="connsiteY1" fmla="*/ 7150 h 6891678"/>
              <a:gd name="connsiteX2" fmla="*/ 5700012 w 5717615"/>
              <a:gd name="connsiteY2" fmla="*/ 6891678 h 6891678"/>
              <a:gd name="connsiteX3" fmla="*/ 363243 w 5717615"/>
              <a:gd name="connsiteY3" fmla="*/ 6888011 h 6891678"/>
              <a:gd name="connsiteX4" fmla="*/ 841527 w 5717615"/>
              <a:gd name="connsiteY4" fmla="*/ 0 h 689167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17615" h="6891678">
                <a:moveTo>
                  <a:pt x="841527" y="0"/>
                </a:moveTo>
                <a:lnTo>
                  <a:pt x="5716935" y="7150"/>
                </a:lnTo>
                <a:cubicBezTo>
                  <a:pt x="5722948" y="49091"/>
                  <a:pt x="5686763" y="6886972"/>
                  <a:pt x="5700012" y="6891678"/>
                </a:cubicBezTo>
                <a:lnTo>
                  <a:pt x="363243" y="6888011"/>
                </a:lnTo>
                <a:cubicBezTo>
                  <a:pt x="-301484" y="3874568"/>
                  <a:pt x="-2164" y="1490537"/>
                  <a:pt x="841527" y="0"/>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9096183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Slide 1">
    <p:bg>
      <p:bgPr>
        <a:solidFill>
          <a:srgbClr val="FFFFFF"/>
        </a:solidFill>
        <a:effectLst/>
      </p:bgPr>
    </p:bg>
    <p:spTree>
      <p:nvGrpSpPr>
        <p:cNvPr id="1" name=""/>
        <p:cNvGrpSpPr/>
        <p:nvPr/>
      </p:nvGrpSpPr>
      <p:grpSpPr>
        <a:xfrm>
          <a:off x="0" y="0"/>
          <a:ext cx="0" cy="0"/>
          <a:chOff x="0" y="0"/>
          <a:chExt cx="0" cy="0"/>
        </a:xfrm>
      </p:grpSpPr>
      <p:sp>
        <p:nvSpPr>
          <p:cNvPr id="2" name="Marcador de texto 2">
            <a:extLst>
              <a:ext uri="{FF2B5EF4-FFF2-40B4-BE49-F238E27FC236}">
                <a16:creationId xmlns:a16="http://schemas.microsoft.com/office/drawing/2014/main" id="{7B1681B2-F511-EA3F-1BD5-B271AB3F4B08}"/>
              </a:ext>
            </a:extLst>
          </p:cNvPr>
          <p:cNvSpPr>
            <a:spLocks noGrp="1" noChangeArrowheads="1"/>
          </p:cNvSpPr>
          <p:nvPr>
            <p:ph idx="1" hasCustomPrompt="1"/>
          </p:nvPr>
        </p:nvSpPr>
        <p:spPr bwMode="auto">
          <a:xfrm>
            <a:off x="545275" y="1840676"/>
            <a:ext cx="7204639"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lvl1pPr marL="0" indent="0">
              <a:buNone/>
              <a:defRPr sz="2000" b="0" i="0">
                <a:latin typeface="+mn-lt"/>
              </a:defRPr>
            </a:lvl1pPr>
            <a:lvl2pPr marL="236538" indent="0">
              <a:buNone/>
              <a:tabLst/>
              <a:defRPr/>
            </a:lvl2pPr>
            <a:lvl3pPr marL="11113" indent="0">
              <a:buFont typeface="Arial" panose="020B0604020202020204" pitchFamily="34" charset="0"/>
              <a:buNone/>
              <a:tabLst/>
              <a:defRPr sz="1800">
                <a:latin typeface="+mn-lt"/>
              </a:defRPr>
            </a:lvl3pPr>
            <a:lvl4pPr marL="628650" indent="-225425">
              <a:tabLst/>
              <a:defRPr/>
            </a:lvl4pPr>
            <a:lvl5pPr marL="628650" indent="-225425">
              <a:tabLst/>
              <a:defRPr/>
            </a:lvl5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atin typeface="+mj-lt"/>
              </a:defRPr>
            </a:lvl1pPr>
          </a:lstStyle>
          <a:p>
            <a:r>
              <a:rPr lang="en-US"/>
              <a:t>Click to edit Master title style</a:t>
            </a:r>
          </a:p>
        </p:txBody>
      </p:sp>
      <p:sp>
        <p:nvSpPr>
          <p:cNvPr id="7" name="Text Placeholder 17">
            <a:extLst>
              <a:ext uri="{FF2B5EF4-FFF2-40B4-BE49-F238E27FC236}">
                <a16:creationId xmlns:a16="http://schemas.microsoft.com/office/drawing/2014/main" id="{29795962-046D-2B3C-19E7-172FB610FBB9}"/>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315575143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ext slide - Picture 1">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0202462A-BD0B-8DC5-2A60-8DC340587F65}"/>
              </a:ext>
            </a:extLst>
          </p:cNvPr>
          <p:cNvSpPr>
            <a:spLocks noGrp="1"/>
          </p:cNvSpPr>
          <p:nvPr>
            <p:ph type="title"/>
          </p:nvPr>
        </p:nvSpPr>
        <p:spPr>
          <a:xfrm>
            <a:off x="545276" y="833695"/>
            <a:ext cx="5990436"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5150D596-AA39-974C-A69F-3BEC1AA30ABA}"/>
              </a:ext>
            </a:extLst>
          </p:cNvPr>
          <p:cNvSpPr>
            <a:spLocks noGrp="1"/>
          </p:cNvSpPr>
          <p:nvPr>
            <p:ph sz="quarter" idx="10" hasCustomPrompt="1"/>
          </p:nvPr>
        </p:nvSpPr>
        <p:spPr>
          <a:xfrm>
            <a:off x="545275" y="2333042"/>
            <a:ext cx="5990436"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3582EA96-6D15-94FB-11EF-A350B4AFB4D0}"/>
              </a:ext>
            </a:extLst>
          </p:cNvPr>
          <p:cNvSpPr>
            <a:spLocks noGrp="1"/>
          </p:cNvSpPr>
          <p:nvPr>
            <p:ph type="body" sz="quarter" idx="12"/>
          </p:nvPr>
        </p:nvSpPr>
        <p:spPr>
          <a:xfrm>
            <a:off x="545275" y="1823776"/>
            <a:ext cx="5990436"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A8C84E73-B22B-E459-94B5-9170A6F1593F}"/>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2" name="Picture Placeholder 25">
            <a:extLst>
              <a:ext uri="{FF2B5EF4-FFF2-40B4-BE49-F238E27FC236}">
                <a16:creationId xmlns:a16="http://schemas.microsoft.com/office/drawing/2014/main" id="{E5EAE1E4-F72A-E622-DC8E-492A08D3CF1E}"/>
              </a:ext>
            </a:extLst>
          </p:cNvPr>
          <p:cNvSpPr>
            <a:spLocks noGrp="1"/>
          </p:cNvSpPr>
          <p:nvPr>
            <p:ph type="pic" sz="quarter" idx="18" hasCustomPrompt="1"/>
          </p:nvPr>
        </p:nvSpPr>
        <p:spPr bwMode="auto">
          <a:xfrm>
            <a:off x="7034021" y="-4226"/>
            <a:ext cx="5161220" cy="6000146"/>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912896"/>
              <a:gd name="connsiteY0" fmla="*/ 0 h 6844972"/>
              <a:gd name="connsiteX1" fmla="*/ 4065244 w 4912896"/>
              <a:gd name="connsiteY1" fmla="*/ 0 h 6844972"/>
              <a:gd name="connsiteX2" fmla="*/ 4464002 w 4912896"/>
              <a:gd name="connsiteY2" fmla="*/ 6844972 h 6844972"/>
              <a:gd name="connsiteX3" fmla="*/ 0 w 4912896"/>
              <a:gd name="connsiteY3" fmla="*/ 6844972 h 6844972"/>
              <a:gd name="connsiteX4" fmla="*/ 0 w 4912896"/>
              <a:gd name="connsiteY4" fmla="*/ 0 h 6844972"/>
              <a:gd name="connsiteX0" fmla="*/ 0 w 4866237"/>
              <a:gd name="connsiteY0" fmla="*/ 0 h 6844972"/>
              <a:gd name="connsiteX1" fmla="*/ 4065244 w 4866237"/>
              <a:gd name="connsiteY1" fmla="*/ 0 h 6844972"/>
              <a:gd name="connsiteX2" fmla="*/ 4464002 w 4866237"/>
              <a:gd name="connsiteY2" fmla="*/ 6844972 h 6844972"/>
              <a:gd name="connsiteX3" fmla="*/ 0 w 4866237"/>
              <a:gd name="connsiteY3" fmla="*/ 6844972 h 6844972"/>
              <a:gd name="connsiteX4" fmla="*/ 0 w 4866237"/>
              <a:gd name="connsiteY4" fmla="*/ 0 h 6844972"/>
              <a:gd name="connsiteX0" fmla="*/ 0 w 4942530"/>
              <a:gd name="connsiteY0" fmla="*/ 0 h 6844972"/>
              <a:gd name="connsiteX1" fmla="*/ 4065244 w 4942530"/>
              <a:gd name="connsiteY1" fmla="*/ 0 h 6844972"/>
              <a:gd name="connsiteX2" fmla="*/ 4559650 w 4942530"/>
              <a:gd name="connsiteY2" fmla="*/ 6844972 h 6844972"/>
              <a:gd name="connsiteX3" fmla="*/ 0 w 4942530"/>
              <a:gd name="connsiteY3" fmla="*/ 6844972 h 6844972"/>
              <a:gd name="connsiteX4" fmla="*/ 0 w 4942530"/>
              <a:gd name="connsiteY4" fmla="*/ 0 h 6844972"/>
              <a:gd name="connsiteX0" fmla="*/ 0 w 4845673"/>
              <a:gd name="connsiteY0" fmla="*/ 0 h 6844972"/>
              <a:gd name="connsiteX1" fmla="*/ 4065244 w 4845673"/>
              <a:gd name="connsiteY1" fmla="*/ 0 h 6844972"/>
              <a:gd name="connsiteX2" fmla="*/ 4559650 w 4845673"/>
              <a:gd name="connsiteY2" fmla="*/ 6844972 h 6844972"/>
              <a:gd name="connsiteX3" fmla="*/ 0 w 4845673"/>
              <a:gd name="connsiteY3" fmla="*/ 6844972 h 6844972"/>
              <a:gd name="connsiteX4" fmla="*/ 0 w 4845673"/>
              <a:gd name="connsiteY4" fmla="*/ 0 h 6844972"/>
              <a:gd name="connsiteX0" fmla="*/ 0 w 5079988"/>
              <a:gd name="connsiteY0" fmla="*/ 39556 h 6884528"/>
              <a:gd name="connsiteX1" fmla="*/ 4819452 w 5079988"/>
              <a:gd name="connsiteY1" fmla="*/ 0 h 6884528"/>
              <a:gd name="connsiteX2" fmla="*/ 4559650 w 5079988"/>
              <a:gd name="connsiteY2" fmla="*/ 6884528 h 6884528"/>
              <a:gd name="connsiteX3" fmla="*/ 0 w 5079988"/>
              <a:gd name="connsiteY3" fmla="*/ 6884528 h 6884528"/>
              <a:gd name="connsiteX4" fmla="*/ 0 w 5079988"/>
              <a:gd name="connsiteY4" fmla="*/ 39556 h 6884528"/>
              <a:gd name="connsiteX0" fmla="*/ 0 w 4985626"/>
              <a:gd name="connsiteY0" fmla="*/ 39556 h 6884528"/>
              <a:gd name="connsiteX1" fmla="*/ 4819452 w 4985626"/>
              <a:gd name="connsiteY1" fmla="*/ 0 h 6884528"/>
              <a:gd name="connsiteX2" fmla="*/ 4559650 w 4985626"/>
              <a:gd name="connsiteY2" fmla="*/ 6884528 h 6884528"/>
              <a:gd name="connsiteX3" fmla="*/ 0 w 4985626"/>
              <a:gd name="connsiteY3" fmla="*/ 6884528 h 6884528"/>
              <a:gd name="connsiteX4" fmla="*/ 0 w 4985626"/>
              <a:gd name="connsiteY4" fmla="*/ 39556 h 6884528"/>
              <a:gd name="connsiteX0" fmla="*/ 0 w 5196613"/>
              <a:gd name="connsiteY0" fmla="*/ 39556 h 6904305"/>
              <a:gd name="connsiteX1" fmla="*/ 4819452 w 5196613"/>
              <a:gd name="connsiteY1" fmla="*/ 0 h 6904305"/>
              <a:gd name="connsiteX2" fmla="*/ 4866446 w 5196613"/>
              <a:gd name="connsiteY2" fmla="*/ 6904305 h 6904305"/>
              <a:gd name="connsiteX3" fmla="*/ 0 w 5196613"/>
              <a:gd name="connsiteY3" fmla="*/ 6884528 h 6904305"/>
              <a:gd name="connsiteX4" fmla="*/ 0 w 5196613"/>
              <a:gd name="connsiteY4" fmla="*/ 39556 h 6904305"/>
              <a:gd name="connsiteX0" fmla="*/ 0 w 4866446"/>
              <a:gd name="connsiteY0" fmla="*/ 39556 h 6904305"/>
              <a:gd name="connsiteX1" fmla="*/ 4819452 w 4866446"/>
              <a:gd name="connsiteY1" fmla="*/ 0 h 6904305"/>
              <a:gd name="connsiteX2" fmla="*/ 4866446 w 4866446"/>
              <a:gd name="connsiteY2" fmla="*/ 6904305 h 6904305"/>
              <a:gd name="connsiteX3" fmla="*/ 0 w 4866446"/>
              <a:gd name="connsiteY3" fmla="*/ 6884528 h 6904305"/>
              <a:gd name="connsiteX4" fmla="*/ 0 w 4866446"/>
              <a:gd name="connsiteY4" fmla="*/ 39556 h 6904305"/>
              <a:gd name="connsiteX0" fmla="*/ 335203 w 5201649"/>
              <a:gd name="connsiteY0" fmla="*/ 39556 h 6904305"/>
              <a:gd name="connsiteX1" fmla="*/ 5154655 w 5201649"/>
              <a:gd name="connsiteY1" fmla="*/ 0 h 6904305"/>
              <a:gd name="connsiteX2" fmla="*/ 5201649 w 5201649"/>
              <a:gd name="connsiteY2" fmla="*/ 6904305 h 6904305"/>
              <a:gd name="connsiteX3" fmla="*/ 335203 w 5201649"/>
              <a:gd name="connsiteY3" fmla="*/ 6884528 h 6904305"/>
              <a:gd name="connsiteX4" fmla="*/ 335203 w 5201649"/>
              <a:gd name="connsiteY4" fmla="*/ 39556 h 6904305"/>
              <a:gd name="connsiteX0" fmla="*/ 594765 w 5461211"/>
              <a:gd name="connsiteY0" fmla="*/ 39556 h 6904305"/>
              <a:gd name="connsiteX1" fmla="*/ 5414217 w 5461211"/>
              <a:gd name="connsiteY1" fmla="*/ 0 h 6904305"/>
              <a:gd name="connsiteX2" fmla="*/ 5461211 w 5461211"/>
              <a:gd name="connsiteY2" fmla="*/ 6904305 h 6904305"/>
              <a:gd name="connsiteX3" fmla="*/ 594765 w 5461211"/>
              <a:gd name="connsiteY3" fmla="*/ 6884528 h 6904305"/>
              <a:gd name="connsiteX4" fmla="*/ 594765 w 5461211"/>
              <a:gd name="connsiteY4" fmla="*/ 39556 h 6904305"/>
              <a:gd name="connsiteX0" fmla="*/ 888545 w 5754991"/>
              <a:gd name="connsiteY0" fmla="*/ 39556 h 6943861"/>
              <a:gd name="connsiteX1" fmla="*/ 5707997 w 5754991"/>
              <a:gd name="connsiteY1" fmla="*/ 0 h 6943861"/>
              <a:gd name="connsiteX2" fmla="*/ 5754991 w 5754991"/>
              <a:gd name="connsiteY2" fmla="*/ 6904305 h 6943861"/>
              <a:gd name="connsiteX3" fmla="*/ 415568 w 5754991"/>
              <a:gd name="connsiteY3" fmla="*/ 6943861 h 6943861"/>
              <a:gd name="connsiteX4" fmla="*/ 888545 w 5754991"/>
              <a:gd name="connsiteY4" fmla="*/ 39556 h 6943861"/>
              <a:gd name="connsiteX0" fmla="*/ 871554 w 5738000"/>
              <a:gd name="connsiteY0" fmla="*/ 39556 h 6943861"/>
              <a:gd name="connsiteX1" fmla="*/ 5691006 w 5738000"/>
              <a:gd name="connsiteY1" fmla="*/ 0 h 6943861"/>
              <a:gd name="connsiteX2" fmla="*/ 5738000 w 5738000"/>
              <a:gd name="connsiteY2" fmla="*/ 6904305 h 6943861"/>
              <a:gd name="connsiteX3" fmla="*/ 398577 w 5738000"/>
              <a:gd name="connsiteY3" fmla="*/ 6943861 h 6943861"/>
              <a:gd name="connsiteX4" fmla="*/ 871554 w 5738000"/>
              <a:gd name="connsiteY4" fmla="*/ 39556 h 6943861"/>
              <a:gd name="connsiteX0" fmla="*/ 877853 w 5744299"/>
              <a:gd name="connsiteY0" fmla="*/ 39556 h 6943861"/>
              <a:gd name="connsiteX1" fmla="*/ 5697305 w 5744299"/>
              <a:gd name="connsiteY1" fmla="*/ 0 h 6943861"/>
              <a:gd name="connsiteX2" fmla="*/ 5744299 w 5744299"/>
              <a:gd name="connsiteY2" fmla="*/ 6904305 h 6943861"/>
              <a:gd name="connsiteX3" fmla="*/ 404876 w 5744299"/>
              <a:gd name="connsiteY3" fmla="*/ 6943861 h 6943861"/>
              <a:gd name="connsiteX4" fmla="*/ 877853 w 5744299"/>
              <a:gd name="connsiteY4" fmla="*/ 39556 h 6943861"/>
              <a:gd name="connsiteX0" fmla="*/ 860892 w 5727338"/>
              <a:gd name="connsiteY0" fmla="*/ 39556 h 6943861"/>
              <a:gd name="connsiteX1" fmla="*/ 5680344 w 5727338"/>
              <a:gd name="connsiteY1" fmla="*/ 0 h 6943861"/>
              <a:gd name="connsiteX2" fmla="*/ 5727338 w 5727338"/>
              <a:gd name="connsiteY2" fmla="*/ 6904305 h 6943861"/>
              <a:gd name="connsiteX3" fmla="*/ 387915 w 5727338"/>
              <a:gd name="connsiteY3" fmla="*/ 6943861 h 6943861"/>
              <a:gd name="connsiteX4" fmla="*/ 860892 w 5727338"/>
              <a:gd name="connsiteY4" fmla="*/ 39556 h 6943861"/>
              <a:gd name="connsiteX0" fmla="*/ 821342 w 5687788"/>
              <a:gd name="connsiteY0" fmla="*/ 39556 h 6943861"/>
              <a:gd name="connsiteX1" fmla="*/ 5640794 w 5687788"/>
              <a:gd name="connsiteY1" fmla="*/ 0 h 6943861"/>
              <a:gd name="connsiteX2" fmla="*/ 5687788 w 5687788"/>
              <a:gd name="connsiteY2" fmla="*/ 6904305 h 6943861"/>
              <a:gd name="connsiteX3" fmla="*/ 348365 w 5687788"/>
              <a:gd name="connsiteY3" fmla="*/ 6943861 h 6943861"/>
              <a:gd name="connsiteX4" fmla="*/ 821342 w 5687788"/>
              <a:gd name="connsiteY4" fmla="*/ 39556 h 6943861"/>
              <a:gd name="connsiteX0" fmla="*/ 837907 w 5704353"/>
              <a:gd name="connsiteY0" fmla="*/ 39556 h 6943861"/>
              <a:gd name="connsiteX1" fmla="*/ 5657359 w 5704353"/>
              <a:gd name="connsiteY1" fmla="*/ 0 h 6943861"/>
              <a:gd name="connsiteX2" fmla="*/ 5704353 w 5704353"/>
              <a:gd name="connsiteY2" fmla="*/ 6904305 h 6943861"/>
              <a:gd name="connsiteX3" fmla="*/ 364930 w 5704353"/>
              <a:gd name="connsiteY3" fmla="*/ 6943861 h 6943861"/>
              <a:gd name="connsiteX4" fmla="*/ 837907 w 5704353"/>
              <a:gd name="connsiteY4" fmla="*/ 39556 h 6943861"/>
              <a:gd name="connsiteX0" fmla="*/ 837907 w 5721956"/>
              <a:gd name="connsiteY0" fmla="*/ 19779 h 6924084"/>
              <a:gd name="connsiteX1" fmla="*/ 5721276 w 5721956"/>
              <a:gd name="connsiteY1" fmla="*/ 0 h 6924084"/>
              <a:gd name="connsiteX2" fmla="*/ 5704353 w 5721956"/>
              <a:gd name="connsiteY2" fmla="*/ 6884528 h 6924084"/>
              <a:gd name="connsiteX3" fmla="*/ 364930 w 5721956"/>
              <a:gd name="connsiteY3" fmla="*/ 6924084 h 6924084"/>
              <a:gd name="connsiteX4" fmla="*/ 837907 w 5721956"/>
              <a:gd name="connsiteY4" fmla="*/ 19779 h 6924084"/>
              <a:gd name="connsiteX0" fmla="*/ 832789 w 5716838"/>
              <a:gd name="connsiteY0" fmla="*/ 19779 h 6913888"/>
              <a:gd name="connsiteX1" fmla="*/ 5716158 w 5716838"/>
              <a:gd name="connsiteY1" fmla="*/ 0 h 6913888"/>
              <a:gd name="connsiteX2" fmla="*/ 5699235 w 5716838"/>
              <a:gd name="connsiteY2" fmla="*/ 6884528 h 6913888"/>
              <a:gd name="connsiteX3" fmla="*/ 367348 w 5716838"/>
              <a:gd name="connsiteY3" fmla="*/ 6913888 h 6913888"/>
              <a:gd name="connsiteX4" fmla="*/ 832789 w 5716838"/>
              <a:gd name="connsiteY4" fmla="*/ 19779 h 6913888"/>
              <a:gd name="connsiteX0" fmla="*/ 836102 w 5720151"/>
              <a:gd name="connsiteY0" fmla="*/ 19779 h 6884528"/>
              <a:gd name="connsiteX1" fmla="*/ 5719471 w 5720151"/>
              <a:gd name="connsiteY1" fmla="*/ 0 h 6884528"/>
              <a:gd name="connsiteX2" fmla="*/ 5702548 w 5720151"/>
              <a:gd name="connsiteY2" fmla="*/ 6884528 h 6884528"/>
              <a:gd name="connsiteX3" fmla="*/ 365779 w 5720151"/>
              <a:gd name="connsiteY3" fmla="*/ 6880861 h 6884528"/>
              <a:gd name="connsiteX4" fmla="*/ 836102 w 5720151"/>
              <a:gd name="connsiteY4" fmla="*/ 19779 h 6884528"/>
              <a:gd name="connsiteX0" fmla="*/ 1069131 w 5637143"/>
              <a:gd name="connsiteY0" fmla="*/ 1672 h 6884528"/>
              <a:gd name="connsiteX1" fmla="*/ 5636463 w 5637143"/>
              <a:gd name="connsiteY1" fmla="*/ 0 h 6884528"/>
              <a:gd name="connsiteX2" fmla="*/ 5619540 w 5637143"/>
              <a:gd name="connsiteY2" fmla="*/ 6884528 h 6884528"/>
              <a:gd name="connsiteX3" fmla="*/ 282771 w 5637143"/>
              <a:gd name="connsiteY3" fmla="*/ 6880861 h 6884528"/>
              <a:gd name="connsiteX4" fmla="*/ 1069131 w 5637143"/>
              <a:gd name="connsiteY4" fmla="*/ 1672 h 6884528"/>
              <a:gd name="connsiteX0" fmla="*/ 1303528 w 5871540"/>
              <a:gd name="connsiteY0" fmla="*/ 1672 h 6884528"/>
              <a:gd name="connsiteX1" fmla="*/ 5870860 w 5871540"/>
              <a:gd name="connsiteY1" fmla="*/ 0 h 6884528"/>
              <a:gd name="connsiteX2" fmla="*/ 5853937 w 5871540"/>
              <a:gd name="connsiteY2" fmla="*/ 6884528 h 6884528"/>
              <a:gd name="connsiteX3" fmla="*/ 517168 w 5871540"/>
              <a:gd name="connsiteY3" fmla="*/ 6880861 h 6884528"/>
              <a:gd name="connsiteX4" fmla="*/ 1303528 w 5871540"/>
              <a:gd name="connsiteY4" fmla="*/ 1672 h 6884528"/>
              <a:gd name="connsiteX0" fmla="*/ 1092799 w 5660811"/>
              <a:gd name="connsiteY0" fmla="*/ 1672 h 6884528"/>
              <a:gd name="connsiteX1" fmla="*/ 5660131 w 5660811"/>
              <a:gd name="connsiteY1" fmla="*/ 0 h 6884528"/>
              <a:gd name="connsiteX2" fmla="*/ 5643208 w 5660811"/>
              <a:gd name="connsiteY2" fmla="*/ 6884528 h 6884528"/>
              <a:gd name="connsiteX3" fmla="*/ 715427 w 5660811"/>
              <a:gd name="connsiteY3" fmla="*/ 6880862 h 6884528"/>
              <a:gd name="connsiteX4" fmla="*/ 1092799 w 5660811"/>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440543 w 6008555"/>
              <a:gd name="connsiteY0" fmla="*/ 1672 h 6884528"/>
              <a:gd name="connsiteX1" fmla="*/ 6007875 w 6008555"/>
              <a:gd name="connsiteY1" fmla="*/ 0 h 6884528"/>
              <a:gd name="connsiteX2" fmla="*/ 5990952 w 6008555"/>
              <a:gd name="connsiteY2" fmla="*/ 6884528 h 6884528"/>
              <a:gd name="connsiteX3" fmla="*/ 1063171 w 6008555"/>
              <a:gd name="connsiteY3" fmla="*/ 6880862 h 6884528"/>
              <a:gd name="connsiteX4" fmla="*/ 1440543 w 6008555"/>
              <a:gd name="connsiteY4" fmla="*/ 1672 h 6884528"/>
              <a:gd name="connsiteX0" fmla="*/ 1395571 w 5963583"/>
              <a:gd name="connsiteY0" fmla="*/ 1672 h 6884528"/>
              <a:gd name="connsiteX1" fmla="*/ 5962903 w 5963583"/>
              <a:gd name="connsiteY1" fmla="*/ 0 h 6884528"/>
              <a:gd name="connsiteX2" fmla="*/ 5945980 w 5963583"/>
              <a:gd name="connsiteY2" fmla="*/ 6884528 h 6884528"/>
              <a:gd name="connsiteX3" fmla="*/ 1018199 w 5963583"/>
              <a:gd name="connsiteY3" fmla="*/ 6880862 h 6884528"/>
              <a:gd name="connsiteX4" fmla="*/ 1395571 w 5963583"/>
              <a:gd name="connsiteY4" fmla="*/ 1672 h 6884528"/>
              <a:gd name="connsiteX0" fmla="*/ 1514168 w 6082180"/>
              <a:gd name="connsiteY0" fmla="*/ 1672 h 6917077"/>
              <a:gd name="connsiteX1" fmla="*/ 6081500 w 6082180"/>
              <a:gd name="connsiteY1" fmla="*/ 0 h 6917077"/>
              <a:gd name="connsiteX2" fmla="*/ 6064577 w 6082180"/>
              <a:gd name="connsiteY2" fmla="*/ 6884528 h 6917077"/>
              <a:gd name="connsiteX3" fmla="*/ 932303 w 6082180"/>
              <a:gd name="connsiteY3" fmla="*/ 6917077 h 6917077"/>
              <a:gd name="connsiteX4" fmla="*/ 1514168 w 6082180"/>
              <a:gd name="connsiteY4" fmla="*/ 1672 h 6917077"/>
              <a:gd name="connsiteX0" fmla="*/ 1514168 w 6082180"/>
              <a:gd name="connsiteY0" fmla="*/ 1672 h 6888224"/>
              <a:gd name="connsiteX1" fmla="*/ 6081500 w 6082180"/>
              <a:gd name="connsiteY1" fmla="*/ 0 h 6888224"/>
              <a:gd name="connsiteX2" fmla="*/ 6064577 w 6082180"/>
              <a:gd name="connsiteY2" fmla="*/ 6884528 h 6888224"/>
              <a:gd name="connsiteX3" fmla="*/ 932303 w 6082180"/>
              <a:gd name="connsiteY3" fmla="*/ 6888224 h 6888224"/>
              <a:gd name="connsiteX4" fmla="*/ 1514168 w 6082180"/>
              <a:gd name="connsiteY4" fmla="*/ 1672 h 6888224"/>
              <a:gd name="connsiteX0" fmla="*/ 1514168 w 6085999"/>
              <a:gd name="connsiteY0" fmla="*/ 1672 h 6891484"/>
              <a:gd name="connsiteX1" fmla="*/ 6081500 w 6085999"/>
              <a:gd name="connsiteY1" fmla="*/ 0 h 6891484"/>
              <a:gd name="connsiteX2" fmla="*/ 6085999 w 6085999"/>
              <a:gd name="connsiteY2" fmla="*/ 6891484 h 6891484"/>
              <a:gd name="connsiteX3" fmla="*/ 932303 w 6085999"/>
              <a:gd name="connsiteY3" fmla="*/ 6888224 h 6891484"/>
              <a:gd name="connsiteX4" fmla="*/ 1514168 w 6085999"/>
              <a:gd name="connsiteY4" fmla="*/ 1672 h 68914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85999" h="6891484">
                <a:moveTo>
                  <a:pt x="1514168" y="1672"/>
                </a:moveTo>
                <a:lnTo>
                  <a:pt x="6081500" y="0"/>
                </a:lnTo>
                <a:cubicBezTo>
                  <a:pt x="6087513" y="41941"/>
                  <a:pt x="6072750" y="6886778"/>
                  <a:pt x="6085999" y="6891484"/>
                </a:cubicBezTo>
                <a:lnTo>
                  <a:pt x="932303" y="6888224"/>
                </a:lnTo>
                <a:cubicBezTo>
                  <a:pt x="-531809" y="4689621"/>
                  <a:pt x="-221861" y="1437887"/>
                  <a:pt x="1514168" y="167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484000">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65841574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ext slide - Picture 2">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DE6859C0-78A2-FB2A-8530-A83A1D489675}"/>
              </a:ext>
            </a:extLst>
          </p:cNvPr>
          <p:cNvSpPr>
            <a:spLocks noGrp="1"/>
          </p:cNvSpPr>
          <p:nvPr>
            <p:ph type="title"/>
          </p:nvPr>
        </p:nvSpPr>
        <p:spPr>
          <a:xfrm>
            <a:off x="545276" y="833695"/>
            <a:ext cx="7369532" cy="737359"/>
          </a:xfrm>
        </p:spPr>
        <p:txBody>
          <a:bodyPr/>
          <a:lstStyle/>
          <a:p>
            <a:r>
              <a:rPr lang="en-US"/>
              <a:t>Click to edit Master title style</a:t>
            </a:r>
            <a:endParaRPr lang="en-MX"/>
          </a:p>
        </p:txBody>
      </p:sp>
      <p:sp>
        <p:nvSpPr>
          <p:cNvPr id="5" name="Content Placeholder 8">
            <a:extLst>
              <a:ext uri="{FF2B5EF4-FFF2-40B4-BE49-F238E27FC236}">
                <a16:creationId xmlns:a16="http://schemas.microsoft.com/office/drawing/2014/main" id="{5454E521-20A0-E0DF-0A23-3C30669D6C63}"/>
              </a:ext>
            </a:extLst>
          </p:cNvPr>
          <p:cNvSpPr>
            <a:spLocks noGrp="1"/>
          </p:cNvSpPr>
          <p:nvPr>
            <p:ph sz="quarter" idx="10" hasCustomPrompt="1"/>
          </p:nvPr>
        </p:nvSpPr>
        <p:spPr>
          <a:xfrm>
            <a:off x="545275" y="2333042"/>
            <a:ext cx="7369532"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455439BD-890E-C6E9-1EE4-76425C9B407E}"/>
              </a:ext>
            </a:extLst>
          </p:cNvPr>
          <p:cNvSpPr>
            <a:spLocks noGrp="1"/>
          </p:cNvSpPr>
          <p:nvPr>
            <p:ph type="body" sz="quarter" idx="12"/>
          </p:nvPr>
        </p:nvSpPr>
        <p:spPr>
          <a:xfrm>
            <a:off x="545275" y="1823776"/>
            <a:ext cx="7369532"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bg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7" name="Text Placeholder 17">
            <a:extLst>
              <a:ext uri="{FF2B5EF4-FFF2-40B4-BE49-F238E27FC236}">
                <a16:creationId xmlns:a16="http://schemas.microsoft.com/office/drawing/2014/main" id="{41847A08-C55A-1466-1034-D72EA636F0D2}"/>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2" name="Picture Placeholder 25">
            <a:extLst>
              <a:ext uri="{FF2B5EF4-FFF2-40B4-BE49-F238E27FC236}">
                <a16:creationId xmlns:a16="http://schemas.microsoft.com/office/drawing/2014/main" id="{C23E6A57-A3F7-489D-3861-BB2AF3117DB6}"/>
              </a:ext>
            </a:extLst>
          </p:cNvPr>
          <p:cNvSpPr>
            <a:spLocks noGrp="1"/>
          </p:cNvSpPr>
          <p:nvPr>
            <p:ph type="pic" sz="quarter" idx="11" hasCustomPrompt="1"/>
          </p:nvPr>
        </p:nvSpPr>
        <p:spPr bwMode="auto">
          <a:xfrm>
            <a:off x="8811864" y="13008"/>
            <a:ext cx="3389860" cy="5975097"/>
          </a:xfrm>
          <a:custGeom>
            <a:avLst/>
            <a:gdLst>
              <a:gd name="connsiteX0" fmla="*/ 0 w 4883550"/>
              <a:gd name="connsiteY0" fmla="*/ 0 h 6844972"/>
              <a:gd name="connsiteX1" fmla="*/ 488355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883550"/>
              <a:gd name="connsiteY0" fmla="*/ 0 h 6844972"/>
              <a:gd name="connsiteX1" fmla="*/ 3786270 w 4883550"/>
              <a:gd name="connsiteY1" fmla="*/ 0 h 6844972"/>
              <a:gd name="connsiteX2" fmla="*/ 4883550 w 4883550"/>
              <a:gd name="connsiteY2" fmla="*/ 6844972 h 6844972"/>
              <a:gd name="connsiteX3" fmla="*/ 0 w 4883550"/>
              <a:gd name="connsiteY3" fmla="*/ 6844972 h 6844972"/>
              <a:gd name="connsiteX4" fmla="*/ 0 w 4883550"/>
              <a:gd name="connsiteY4" fmla="*/ 0 h 6844972"/>
              <a:gd name="connsiteX0" fmla="*/ 0 w 4464002"/>
              <a:gd name="connsiteY0" fmla="*/ 0 h 6844972"/>
              <a:gd name="connsiteX1" fmla="*/ 3786270 w 4464002"/>
              <a:gd name="connsiteY1" fmla="*/ 0 h 6844972"/>
              <a:gd name="connsiteX2" fmla="*/ 4464002 w 4464002"/>
              <a:gd name="connsiteY2" fmla="*/ 6844972 h 6844972"/>
              <a:gd name="connsiteX3" fmla="*/ 0 w 4464002"/>
              <a:gd name="connsiteY3" fmla="*/ 6844972 h 6844972"/>
              <a:gd name="connsiteX4" fmla="*/ 0 w 4464002"/>
              <a:gd name="connsiteY4" fmla="*/ 0 h 6844972"/>
              <a:gd name="connsiteX0" fmla="*/ 0 w 4807408"/>
              <a:gd name="connsiteY0" fmla="*/ 0 h 6844972"/>
              <a:gd name="connsiteX1" fmla="*/ 3786270 w 4807408"/>
              <a:gd name="connsiteY1" fmla="*/ 0 h 6844972"/>
              <a:gd name="connsiteX2" fmla="*/ 4464002 w 4807408"/>
              <a:gd name="connsiteY2" fmla="*/ 6844972 h 6844972"/>
              <a:gd name="connsiteX3" fmla="*/ 0 w 4807408"/>
              <a:gd name="connsiteY3" fmla="*/ 6844972 h 6844972"/>
              <a:gd name="connsiteX4" fmla="*/ 0 w 4807408"/>
              <a:gd name="connsiteY4" fmla="*/ 0 h 6844972"/>
              <a:gd name="connsiteX0" fmla="*/ 0 w 4850962"/>
              <a:gd name="connsiteY0" fmla="*/ 0 h 6844972"/>
              <a:gd name="connsiteX1" fmla="*/ 3786270 w 4850962"/>
              <a:gd name="connsiteY1" fmla="*/ 0 h 6844972"/>
              <a:gd name="connsiteX2" fmla="*/ 4464002 w 4850962"/>
              <a:gd name="connsiteY2" fmla="*/ 6844972 h 6844972"/>
              <a:gd name="connsiteX3" fmla="*/ 0 w 4850962"/>
              <a:gd name="connsiteY3" fmla="*/ 6844972 h 6844972"/>
              <a:gd name="connsiteX4" fmla="*/ 0 w 4850962"/>
              <a:gd name="connsiteY4" fmla="*/ 0 h 6844972"/>
              <a:gd name="connsiteX0" fmla="*/ 0 w 4140913"/>
              <a:gd name="connsiteY0" fmla="*/ 0 h 6844972"/>
              <a:gd name="connsiteX1" fmla="*/ 3786270 w 4140913"/>
              <a:gd name="connsiteY1" fmla="*/ 0 h 6844972"/>
              <a:gd name="connsiteX2" fmla="*/ 3355997 w 4140913"/>
              <a:gd name="connsiteY2" fmla="*/ 6844972 h 6844972"/>
              <a:gd name="connsiteX3" fmla="*/ 0 w 4140913"/>
              <a:gd name="connsiteY3" fmla="*/ 6844972 h 6844972"/>
              <a:gd name="connsiteX4" fmla="*/ 0 w 4140913"/>
              <a:gd name="connsiteY4" fmla="*/ 0 h 6844972"/>
              <a:gd name="connsiteX0" fmla="*/ 0 w 3997109"/>
              <a:gd name="connsiteY0" fmla="*/ 0 h 6844972"/>
              <a:gd name="connsiteX1" fmla="*/ 3786270 w 3997109"/>
              <a:gd name="connsiteY1" fmla="*/ 0 h 6844972"/>
              <a:gd name="connsiteX2" fmla="*/ 3355997 w 3997109"/>
              <a:gd name="connsiteY2" fmla="*/ 6844972 h 6844972"/>
              <a:gd name="connsiteX3" fmla="*/ 0 w 3997109"/>
              <a:gd name="connsiteY3" fmla="*/ 6844972 h 6844972"/>
              <a:gd name="connsiteX4" fmla="*/ 0 w 3997109"/>
              <a:gd name="connsiteY4" fmla="*/ 0 h 6844972"/>
              <a:gd name="connsiteX0" fmla="*/ 0 w 4414471"/>
              <a:gd name="connsiteY0" fmla="*/ 0 h 6844972"/>
              <a:gd name="connsiteX1" fmla="*/ 3786270 w 4414471"/>
              <a:gd name="connsiteY1" fmla="*/ 0 h 6844972"/>
              <a:gd name="connsiteX2" fmla="*/ 3355997 w 4414471"/>
              <a:gd name="connsiteY2" fmla="*/ 6844972 h 6844972"/>
              <a:gd name="connsiteX3" fmla="*/ 0 w 4414471"/>
              <a:gd name="connsiteY3" fmla="*/ 6844972 h 6844972"/>
              <a:gd name="connsiteX4" fmla="*/ 0 w 4414471"/>
              <a:gd name="connsiteY4" fmla="*/ 0 h 6844972"/>
              <a:gd name="connsiteX0" fmla="*/ 0 w 4407673"/>
              <a:gd name="connsiteY0" fmla="*/ 0 h 6844972"/>
              <a:gd name="connsiteX1" fmla="*/ 3786270 w 4407673"/>
              <a:gd name="connsiteY1" fmla="*/ 0 h 6844972"/>
              <a:gd name="connsiteX2" fmla="*/ 3355997 w 4407673"/>
              <a:gd name="connsiteY2" fmla="*/ 6844972 h 6844972"/>
              <a:gd name="connsiteX3" fmla="*/ 0 w 4407673"/>
              <a:gd name="connsiteY3" fmla="*/ 6844972 h 6844972"/>
              <a:gd name="connsiteX4" fmla="*/ 0 w 4407673"/>
              <a:gd name="connsiteY4" fmla="*/ 0 h 6844972"/>
              <a:gd name="connsiteX0" fmla="*/ 0 w 4429673"/>
              <a:gd name="connsiteY0" fmla="*/ 0 h 6844972"/>
              <a:gd name="connsiteX1" fmla="*/ 3786270 w 4429673"/>
              <a:gd name="connsiteY1" fmla="*/ 0 h 6844972"/>
              <a:gd name="connsiteX2" fmla="*/ 3355997 w 4429673"/>
              <a:gd name="connsiteY2" fmla="*/ 6844972 h 6844972"/>
              <a:gd name="connsiteX3" fmla="*/ 0 w 4429673"/>
              <a:gd name="connsiteY3" fmla="*/ 6844972 h 6844972"/>
              <a:gd name="connsiteX4" fmla="*/ 0 w 4429673"/>
              <a:gd name="connsiteY4" fmla="*/ 0 h 6844972"/>
              <a:gd name="connsiteX0" fmla="*/ 0 w 4946879"/>
              <a:gd name="connsiteY0" fmla="*/ 0 h 6844972"/>
              <a:gd name="connsiteX1" fmla="*/ 4426832 w 4946879"/>
              <a:gd name="connsiteY1" fmla="*/ 0 h 6844972"/>
              <a:gd name="connsiteX2" fmla="*/ 3355997 w 4946879"/>
              <a:gd name="connsiteY2" fmla="*/ 6844972 h 6844972"/>
              <a:gd name="connsiteX3" fmla="*/ 0 w 4946879"/>
              <a:gd name="connsiteY3" fmla="*/ 6844972 h 6844972"/>
              <a:gd name="connsiteX4" fmla="*/ 0 w 4946879"/>
              <a:gd name="connsiteY4" fmla="*/ 0 h 6844972"/>
              <a:gd name="connsiteX0" fmla="*/ 0 w 4426832"/>
              <a:gd name="connsiteY0" fmla="*/ 36 h 6845008"/>
              <a:gd name="connsiteX1" fmla="*/ 4426832 w 4426832"/>
              <a:gd name="connsiteY1" fmla="*/ 36 h 6845008"/>
              <a:gd name="connsiteX2" fmla="*/ 3355997 w 4426832"/>
              <a:gd name="connsiteY2" fmla="*/ 6845008 h 6845008"/>
              <a:gd name="connsiteX3" fmla="*/ 0 w 4426832"/>
              <a:gd name="connsiteY3" fmla="*/ 6845008 h 6845008"/>
              <a:gd name="connsiteX4" fmla="*/ 0 w 4426832"/>
              <a:gd name="connsiteY4" fmla="*/ 36 h 6845008"/>
              <a:gd name="connsiteX0" fmla="*/ 0 w 4596489"/>
              <a:gd name="connsiteY0" fmla="*/ 36 h 6845008"/>
              <a:gd name="connsiteX1" fmla="*/ 4426832 w 4596489"/>
              <a:gd name="connsiteY1" fmla="*/ 36 h 6845008"/>
              <a:gd name="connsiteX2" fmla="*/ 4423601 w 4596489"/>
              <a:gd name="connsiteY2" fmla="*/ 6845008 h 6845008"/>
              <a:gd name="connsiteX3" fmla="*/ 0 w 4596489"/>
              <a:gd name="connsiteY3" fmla="*/ 6845008 h 6845008"/>
              <a:gd name="connsiteX4" fmla="*/ 0 w 4596489"/>
              <a:gd name="connsiteY4" fmla="*/ 36 h 6845008"/>
              <a:gd name="connsiteX0" fmla="*/ 0 w 4426832"/>
              <a:gd name="connsiteY0" fmla="*/ 22 h 6844994"/>
              <a:gd name="connsiteX1" fmla="*/ 4426832 w 4426832"/>
              <a:gd name="connsiteY1" fmla="*/ 22 h 6844994"/>
              <a:gd name="connsiteX2" fmla="*/ 4423601 w 4426832"/>
              <a:gd name="connsiteY2" fmla="*/ 6844994 h 6844994"/>
              <a:gd name="connsiteX3" fmla="*/ 0 w 4426832"/>
              <a:gd name="connsiteY3" fmla="*/ 6844994 h 6844994"/>
              <a:gd name="connsiteX4" fmla="*/ 0 w 4426832"/>
              <a:gd name="connsiteY4" fmla="*/ 22 h 6844994"/>
              <a:gd name="connsiteX0" fmla="*/ 695919 w 5122751"/>
              <a:gd name="connsiteY0" fmla="*/ 22 h 6844994"/>
              <a:gd name="connsiteX1" fmla="*/ 5122751 w 5122751"/>
              <a:gd name="connsiteY1" fmla="*/ 22 h 6844994"/>
              <a:gd name="connsiteX2" fmla="*/ 5119520 w 5122751"/>
              <a:gd name="connsiteY2" fmla="*/ 6844994 h 6844994"/>
              <a:gd name="connsiteX3" fmla="*/ 695919 w 5122751"/>
              <a:gd name="connsiteY3" fmla="*/ 6844994 h 6844994"/>
              <a:gd name="connsiteX4" fmla="*/ 695919 w 5122751"/>
              <a:gd name="connsiteY4" fmla="*/ 22 h 6844994"/>
              <a:gd name="connsiteX0" fmla="*/ 442793 w 4869625"/>
              <a:gd name="connsiteY0" fmla="*/ 22 h 6844994"/>
              <a:gd name="connsiteX1" fmla="*/ 4869625 w 4869625"/>
              <a:gd name="connsiteY1" fmla="*/ 22 h 6844994"/>
              <a:gd name="connsiteX2" fmla="*/ 4866394 w 4869625"/>
              <a:gd name="connsiteY2" fmla="*/ 6844994 h 6844994"/>
              <a:gd name="connsiteX3" fmla="*/ 442793 w 4869625"/>
              <a:gd name="connsiteY3" fmla="*/ 6844994 h 6844994"/>
              <a:gd name="connsiteX4" fmla="*/ 442793 w 4869625"/>
              <a:gd name="connsiteY4" fmla="*/ 22 h 6844994"/>
              <a:gd name="connsiteX0" fmla="*/ 444607 w 4871439"/>
              <a:gd name="connsiteY0" fmla="*/ 22 h 6844994"/>
              <a:gd name="connsiteX1" fmla="*/ 4871439 w 4871439"/>
              <a:gd name="connsiteY1" fmla="*/ 22 h 6844994"/>
              <a:gd name="connsiteX2" fmla="*/ 4868208 w 4871439"/>
              <a:gd name="connsiteY2" fmla="*/ 6844994 h 6844994"/>
              <a:gd name="connsiteX3" fmla="*/ 444607 w 4871439"/>
              <a:gd name="connsiteY3" fmla="*/ 6844994 h 6844994"/>
              <a:gd name="connsiteX4" fmla="*/ 444607 w 4871439"/>
              <a:gd name="connsiteY4" fmla="*/ 22 h 6844994"/>
              <a:gd name="connsiteX0" fmla="*/ 380563 w 4807395"/>
              <a:gd name="connsiteY0" fmla="*/ 22 h 6858254"/>
              <a:gd name="connsiteX1" fmla="*/ 4807395 w 4807395"/>
              <a:gd name="connsiteY1" fmla="*/ 22 h 6858254"/>
              <a:gd name="connsiteX2" fmla="*/ 4804164 w 4807395"/>
              <a:gd name="connsiteY2" fmla="*/ 6844994 h 6858254"/>
              <a:gd name="connsiteX3" fmla="*/ 1056712 w 4807395"/>
              <a:gd name="connsiteY3" fmla="*/ 6858254 h 6858254"/>
              <a:gd name="connsiteX4" fmla="*/ 380563 w 4807395"/>
              <a:gd name="connsiteY4" fmla="*/ 22 h 6858254"/>
              <a:gd name="connsiteX0" fmla="*/ 410005 w 4836837"/>
              <a:gd name="connsiteY0" fmla="*/ 22 h 6844994"/>
              <a:gd name="connsiteX1" fmla="*/ 4836837 w 4836837"/>
              <a:gd name="connsiteY1" fmla="*/ 22 h 6844994"/>
              <a:gd name="connsiteX2" fmla="*/ 4833606 w 4836837"/>
              <a:gd name="connsiteY2" fmla="*/ 6844994 h 6844994"/>
              <a:gd name="connsiteX3" fmla="*/ 748079 w 4836837"/>
              <a:gd name="connsiteY3" fmla="*/ 6831735 h 6844994"/>
              <a:gd name="connsiteX4" fmla="*/ 410005 w 4836837"/>
              <a:gd name="connsiteY4" fmla="*/ 22 h 6844994"/>
              <a:gd name="connsiteX0" fmla="*/ 584170 w 5011002"/>
              <a:gd name="connsiteY0" fmla="*/ 22 h 6844994"/>
              <a:gd name="connsiteX1" fmla="*/ 5011002 w 5011002"/>
              <a:gd name="connsiteY1" fmla="*/ 22 h 6844994"/>
              <a:gd name="connsiteX2" fmla="*/ 5007771 w 5011002"/>
              <a:gd name="connsiteY2" fmla="*/ 6844994 h 6844994"/>
              <a:gd name="connsiteX3" fmla="*/ 922244 w 5011002"/>
              <a:gd name="connsiteY3" fmla="*/ 6831735 h 6844994"/>
              <a:gd name="connsiteX4" fmla="*/ 584170 w 5011002"/>
              <a:gd name="connsiteY4" fmla="*/ 22 h 6844994"/>
              <a:gd name="connsiteX0" fmla="*/ 575491 w 5002323"/>
              <a:gd name="connsiteY0" fmla="*/ 22 h 6844994"/>
              <a:gd name="connsiteX1" fmla="*/ 5002323 w 5002323"/>
              <a:gd name="connsiteY1" fmla="*/ 22 h 6844994"/>
              <a:gd name="connsiteX2" fmla="*/ 4999092 w 5002323"/>
              <a:gd name="connsiteY2" fmla="*/ 6844994 h 6844994"/>
              <a:gd name="connsiteX3" fmla="*/ 913565 w 5002323"/>
              <a:gd name="connsiteY3" fmla="*/ 6831735 h 6844994"/>
              <a:gd name="connsiteX4" fmla="*/ 575491 w 5002323"/>
              <a:gd name="connsiteY4" fmla="*/ 22 h 6844994"/>
              <a:gd name="connsiteX0" fmla="*/ 784290 w 5211122"/>
              <a:gd name="connsiteY0" fmla="*/ 22 h 6844994"/>
              <a:gd name="connsiteX1" fmla="*/ 5211122 w 5211122"/>
              <a:gd name="connsiteY1" fmla="*/ 22 h 6844994"/>
              <a:gd name="connsiteX2" fmla="*/ 5207891 w 5211122"/>
              <a:gd name="connsiteY2" fmla="*/ 6844994 h 6844994"/>
              <a:gd name="connsiteX3" fmla="*/ 1122364 w 5211122"/>
              <a:gd name="connsiteY3" fmla="*/ 6831735 h 6844994"/>
              <a:gd name="connsiteX4" fmla="*/ 784290 w 5211122"/>
              <a:gd name="connsiteY4" fmla="*/ 22 h 68449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211122" h="6844994">
                <a:moveTo>
                  <a:pt x="784290" y="22"/>
                </a:moveTo>
                <a:lnTo>
                  <a:pt x="5211122" y="22"/>
                </a:lnTo>
                <a:cubicBezTo>
                  <a:pt x="5196537" y="-12954"/>
                  <a:pt x="5210793" y="5802227"/>
                  <a:pt x="5207891" y="6844994"/>
                </a:cubicBezTo>
                <a:lnTo>
                  <a:pt x="1122364" y="6831735"/>
                </a:lnTo>
                <a:cubicBezTo>
                  <a:pt x="1371473" y="4284885"/>
                  <a:pt x="-1261951" y="3620920"/>
                  <a:pt x="784290" y="22"/>
                </a:cubicBezTo>
                <a:close/>
              </a:path>
            </a:pathLst>
          </a:custGeom>
          <a:solidFill>
            <a:schemeClr val="bg2">
              <a:lumMod val="85000"/>
            </a:scheme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square" tIns="2556000" anchor="t">
            <a:noAutofit/>
          </a:bodyPr>
          <a:lstStyle>
            <a:lvl1pPr marL="0" indent="0" algn="ctr">
              <a:buNone/>
              <a:defRPr sz="1400">
                <a:solidFill>
                  <a:schemeClr val="bg1">
                    <a:lumMod val="65000"/>
                  </a:schemeClr>
                </a:solidFill>
              </a:defRPr>
            </a:lvl1pPr>
          </a:lstStyle>
          <a:p>
            <a:r>
              <a:rPr lang="en-US"/>
              <a:t>click icon to add picture</a:t>
            </a:r>
          </a:p>
        </p:txBody>
      </p:sp>
    </p:spTree>
    <p:extLst>
      <p:ext uri="{BB962C8B-B14F-4D97-AF65-F5344CB8AC3E}">
        <p14:creationId xmlns:p14="http://schemas.microsoft.com/office/powerpoint/2010/main" val="251584775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ext slide - Blank">
    <p:bg>
      <p:bgPr>
        <a:solidFill>
          <a:schemeClr val="tx1"/>
        </a:solidFill>
        <a:effectLst/>
      </p:bgPr>
    </p:bg>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05A4F5C1-F5AF-7E9A-26B7-6522016DE7C9}"/>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2" name="Text Placeholder 17">
            <a:extLst>
              <a:ext uri="{FF2B5EF4-FFF2-40B4-BE49-F238E27FC236}">
                <a16:creationId xmlns:a16="http://schemas.microsoft.com/office/drawing/2014/main" id="{FE6D1284-6162-2D13-090C-E15E4439D9AF}"/>
              </a:ext>
            </a:extLst>
          </p:cNvPr>
          <p:cNvSpPr>
            <a:spLocks noGrp="1"/>
          </p:cNvSpPr>
          <p:nvPr>
            <p:ph type="body" sz="quarter" idx="17"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97374837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98588490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ection Divider_Coral">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Title Placeholder 1">
            <a:extLst>
              <a:ext uri="{FF2B5EF4-FFF2-40B4-BE49-F238E27FC236}">
                <a16:creationId xmlns:a16="http://schemas.microsoft.com/office/drawing/2014/main" id="{061A5327-BFC3-F80E-A05A-6BA7B31024BA}"/>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spTree>
    <p:extLst>
      <p:ext uri="{BB962C8B-B14F-4D97-AF65-F5344CB8AC3E}">
        <p14:creationId xmlns:p14="http://schemas.microsoft.com/office/powerpoint/2010/main" val="369083678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Section Divider_Yellow">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Placeholder 1">
            <a:extLst>
              <a:ext uri="{FF2B5EF4-FFF2-40B4-BE49-F238E27FC236}">
                <a16:creationId xmlns:a16="http://schemas.microsoft.com/office/drawing/2014/main" id="{AC60A089-69A8-DF92-F03F-476A7A02563F}"/>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spTree>
    <p:extLst>
      <p:ext uri="{BB962C8B-B14F-4D97-AF65-F5344CB8AC3E}">
        <p14:creationId xmlns:p14="http://schemas.microsoft.com/office/powerpoint/2010/main" val="318928522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ection Divider_Green">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 name="Title Placeholder 1">
            <a:extLst>
              <a:ext uri="{FF2B5EF4-FFF2-40B4-BE49-F238E27FC236}">
                <a16:creationId xmlns:a16="http://schemas.microsoft.com/office/drawing/2014/main" id="{6109652D-83E5-B95C-0AC7-E22AC1CC6F6C}"/>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spTree>
    <p:extLst>
      <p:ext uri="{BB962C8B-B14F-4D97-AF65-F5344CB8AC3E}">
        <p14:creationId xmlns:p14="http://schemas.microsoft.com/office/powerpoint/2010/main" val="287571898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Section Divider_Ruby">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5"/>
            </a:solidFill>
          </a:ln>
        </p:spPr>
        <p:style>
          <a:lnRef idx="1">
            <a:schemeClr val="accent1"/>
          </a:lnRef>
          <a:fillRef idx="0">
            <a:schemeClr val="accent1"/>
          </a:fillRef>
          <a:effectRef idx="0">
            <a:schemeClr val="accent1"/>
          </a:effectRef>
          <a:fontRef idx="minor">
            <a:schemeClr val="tx1"/>
          </a:fontRef>
        </p:style>
      </p:cxnSp>
      <p:sp>
        <p:nvSpPr>
          <p:cNvPr id="2" name="Title Placeholder 1">
            <a:extLst>
              <a:ext uri="{FF2B5EF4-FFF2-40B4-BE49-F238E27FC236}">
                <a16:creationId xmlns:a16="http://schemas.microsoft.com/office/drawing/2014/main" id="{CD7308C3-59A4-D514-3DF1-9D343FBF4DF4}"/>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spTree>
    <p:extLst>
      <p:ext uri="{BB962C8B-B14F-4D97-AF65-F5344CB8AC3E}">
        <p14:creationId xmlns:p14="http://schemas.microsoft.com/office/powerpoint/2010/main" val="374750611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Section Divider Grey_Coral">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A0B8DF01-F3E0-23BF-F9AC-A52E90709583}"/>
              </a:ext>
            </a:extLst>
          </p:cNvPr>
          <p:cNvSpPr/>
          <p:nvPr userDrawn="1"/>
        </p:nvSpPr>
        <p:spPr>
          <a:xfrm>
            <a:off x="0" y="5985164"/>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Placeholder 1">
            <a:extLst>
              <a:ext uri="{FF2B5EF4-FFF2-40B4-BE49-F238E27FC236}">
                <a16:creationId xmlns:a16="http://schemas.microsoft.com/office/drawing/2014/main" id="{286139B7-8A78-E4FF-84D5-DC14DDA5A763}"/>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pic>
        <p:nvPicPr>
          <p:cNvPr id="4" name="Graphic 5">
            <a:extLst>
              <a:ext uri="{FF2B5EF4-FFF2-40B4-BE49-F238E27FC236}">
                <a16:creationId xmlns:a16="http://schemas.microsoft.com/office/drawing/2014/main" id="{283287AB-78D8-08CD-80E2-84937EB0E52E}"/>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418137601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Section Divider Grey_Yellow">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A0B8DF01-F3E0-23BF-F9AC-A52E90709583}"/>
              </a:ext>
            </a:extLst>
          </p:cNvPr>
          <p:cNvSpPr/>
          <p:nvPr userDrawn="1"/>
        </p:nvSpPr>
        <p:spPr>
          <a:xfrm>
            <a:off x="0" y="5985164"/>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Placeholder 1">
            <a:extLst>
              <a:ext uri="{FF2B5EF4-FFF2-40B4-BE49-F238E27FC236}">
                <a16:creationId xmlns:a16="http://schemas.microsoft.com/office/drawing/2014/main" id="{286139B7-8A78-E4FF-84D5-DC14DDA5A763}"/>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pic>
        <p:nvPicPr>
          <p:cNvPr id="4" name="Graphic 5">
            <a:extLst>
              <a:ext uri="{FF2B5EF4-FFF2-40B4-BE49-F238E27FC236}">
                <a16:creationId xmlns:a16="http://schemas.microsoft.com/office/drawing/2014/main" id="{4DF3363E-D4DC-088B-6DAC-AE18CB0E2FA9}"/>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423340797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Slide 2">
    <p:bg>
      <p:bgPr>
        <a:solidFill>
          <a:srgbClr val="FFFFFF"/>
        </a:solidFill>
        <a:effectLst/>
      </p:bgPr>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atin typeface="+mj-lt"/>
              </a:defRPr>
            </a:lvl1pPr>
          </a:lstStyle>
          <a:p>
            <a:r>
              <a:rPr lang="en-US"/>
              <a:t>Click to edit Master title style</a:t>
            </a:r>
          </a:p>
        </p:txBody>
      </p:sp>
      <p:sp>
        <p:nvSpPr>
          <p:cNvPr id="10" name="Content Placeholder 8">
            <a:extLst>
              <a:ext uri="{FF2B5EF4-FFF2-40B4-BE49-F238E27FC236}">
                <a16:creationId xmlns:a16="http://schemas.microsoft.com/office/drawing/2014/main" id="{9EABA108-3F26-0F72-9B25-4CBD7D9153E4}"/>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11" name="Text Placeholder 17">
            <a:extLst>
              <a:ext uri="{FF2B5EF4-FFF2-40B4-BE49-F238E27FC236}">
                <a16:creationId xmlns:a16="http://schemas.microsoft.com/office/drawing/2014/main" id="{3F25932D-6CC1-88F5-F8C4-87F209A97CAD}"/>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12" name="Text Placeholder 17">
            <a:extLst>
              <a:ext uri="{FF2B5EF4-FFF2-40B4-BE49-F238E27FC236}">
                <a16:creationId xmlns:a16="http://schemas.microsoft.com/office/drawing/2014/main" id="{555F4D66-7DAF-4801-B6C9-CFB40E351722}"/>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132279291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Section Divider Grey_Green">
    <p:bg>
      <p:bgPr>
        <a:solidFill>
          <a:schemeClr val="tx1"/>
        </a:solidFill>
        <a:effectLst/>
      </p:bgPr>
    </p:bg>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956433EA-F8D7-2EB6-7C9B-A0D7200F7ACE}"/>
              </a:ext>
            </a:extLst>
          </p:cNvPr>
          <p:cNvCxnSpPr>
            <a:cxnSpLocks/>
          </p:cNvCxnSpPr>
          <p:nvPr userDrawn="1"/>
        </p:nvCxnSpPr>
        <p:spPr>
          <a:xfrm>
            <a:off x="3326489" y="2276615"/>
            <a:ext cx="0" cy="2187446"/>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 name="Rectangle 1">
            <a:extLst>
              <a:ext uri="{FF2B5EF4-FFF2-40B4-BE49-F238E27FC236}">
                <a16:creationId xmlns:a16="http://schemas.microsoft.com/office/drawing/2014/main" id="{A0B8DF01-F3E0-23BF-F9AC-A52E90709583}"/>
              </a:ext>
            </a:extLst>
          </p:cNvPr>
          <p:cNvSpPr/>
          <p:nvPr userDrawn="1"/>
        </p:nvSpPr>
        <p:spPr>
          <a:xfrm>
            <a:off x="0" y="5985164"/>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Placeholder 1">
            <a:extLst>
              <a:ext uri="{FF2B5EF4-FFF2-40B4-BE49-F238E27FC236}">
                <a16:creationId xmlns:a16="http://schemas.microsoft.com/office/drawing/2014/main" id="{286139B7-8A78-E4FF-84D5-DC14DDA5A763}"/>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pic>
        <p:nvPicPr>
          <p:cNvPr id="4" name="Graphic 5">
            <a:extLst>
              <a:ext uri="{FF2B5EF4-FFF2-40B4-BE49-F238E27FC236}">
                <a16:creationId xmlns:a16="http://schemas.microsoft.com/office/drawing/2014/main" id="{C51A902E-779B-E5D9-353A-315E40EF8DA0}"/>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3112693230"/>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Section Divider Grey_Ruby">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A0B8DF01-F3E0-23BF-F9AC-A52E90709583}"/>
              </a:ext>
            </a:extLst>
          </p:cNvPr>
          <p:cNvSpPr/>
          <p:nvPr userDrawn="1"/>
        </p:nvSpPr>
        <p:spPr>
          <a:xfrm>
            <a:off x="0" y="5985164"/>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Placeholder 1">
            <a:extLst>
              <a:ext uri="{FF2B5EF4-FFF2-40B4-BE49-F238E27FC236}">
                <a16:creationId xmlns:a16="http://schemas.microsoft.com/office/drawing/2014/main" id="{286139B7-8A78-E4FF-84D5-DC14DDA5A763}"/>
              </a:ext>
            </a:extLst>
          </p:cNvPr>
          <p:cNvSpPr>
            <a:spLocks noGrp="1"/>
          </p:cNvSpPr>
          <p:nvPr>
            <p:ph type="title"/>
          </p:nvPr>
        </p:nvSpPr>
        <p:spPr>
          <a:xfrm>
            <a:off x="3612630" y="2451207"/>
            <a:ext cx="6700599" cy="1701068"/>
          </a:xfrm>
          <a:prstGeom prst="rect">
            <a:avLst/>
          </a:prstGeom>
        </p:spPr>
        <p:txBody>
          <a:bodyPr vert="horz" lIns="0" tIns="0" rIns="0" bIns="0" rtlCol="0" anchor="ctr" anchorCtr="0">
            <a:noAutofit/>
          </a:bodyPr>
          <a:lstStyle>
            <a:lvl1pPr>
              <a:defRPr sz="4800"/>
            </a:lvl1pPr>
          </a:lstStyle>
          <a:p>
            <a:r>
              <a:rPr lang="en-US"/>
              <a:t>Click to edit Master title style</a:t>
            </a:r>
          </a:p>
        </p:txBody>
      </p:sp>
      <p:cxnSp>
        <p:nvCxnSpPr>
          <p:cNvPr id="7" name="Straight Connector 6">
            <a:extLst>
              <a:ext uri="{FF2B5EF4-FFF2-40B4-BE49-F238E27FC236}">
                <a16:creationId xmlns:a16="http://schemas.microsoft.com/office/drawing/2014/main" id="{A7778F32-89E0-D643-FEA9-57FE904A583F}"/>
              </a:ext>
            </a:extLst>
          </p:cNvPr>
          <p:cNvCxnSpPr>
            <a:cxnSpLocks/>
          </p:cNvCxnSpPr>
          <p:nvPr userDrawn="1"/>
        </p:nvCxnSpPr>
        <p:spPr>
          <a:xfrm>
            <a:off x="3326489" y="2276615"/>
            <a:ext cx="0" cy="2187446"/>
          </a:xfrm>
          <a:prstGeom prst="line">
            <a:avLst/>
          </a:prstGeom>
          <a:ln>
            <a:solidFill>
              <a:schemeClr val="accent5"/>
            </a:solidFill>
          </a:ln>
        </p:spPr>
        <p:style>
          <a:lnRef idx="1">
            <a:schemeClr val="accent1"/>
          </a:lnRef>
          <a:fillRef idx="0">
            <a:schemeClr val="accent1"/>
          </a:fillRef>
          <a:effectRef idx="0">
            <a:schemeClr val="accent1"/>
          </a:effectRef>
          <a:fontRef idx="minor">
            <a:schemeClr val="tx1"/>
          </a:fontRef>
        </p:style>
      </p:cxnSp>
      <p:pic>
        <p:nvPicPr>
          <p:cNvPr id="4" name="Graphic 5">
            <a:extLst>
              <a:ext uri="{FF2B5EF4-FFF2-40B4-BE49-F238E27FC236}">
                <a16:creationId xmlns:a16="http://schemas.microsoft.com/office/drawing/2014/main" id="{1031C6D4-B309-30DE-DE90-5AE52F191D80}"/>
              </a:ext>
            </a:extLst>
          </p:cNvPr>
          <p:cNvPicPr>
            <a:picLocks noChangeAspect="1"/>
          </p:cNvPicPr>
          <p:nvPr userDrawn="1"/>
        </p:nvPicPr>
        <p:blipFill>
          <a:blip r:embed="rId2">
            <a:extLst>
              <a:ext uri="{96DAC541-7B7A-43D3-8B79-37D633B846F1}">
                <asvg:svgBlip xmlns:asvg="http://schemas.microsoft.com/office/drawing/2016/SVG/main" r:embed="rId3"/>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226734826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7206195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64985412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Slide 3">
    <p:bg>
      <p:bgPr>
        <a:solidFill>
          <a:srgbClr val="FFFFFF"/>
        </a:solidFill>
        <a:effectLst/>
      </p:bgPr>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atin typeface="+mj-lt"/>
              </a:defRPr>
            </a:lvl1pPr>
          </a:lstStyle>
          <a:p>
            <a:r>
              <a:rPr lang="en-US"/>
              <a:t>Click to edit Master title style</a:t>
            </a:r>
          </a:p>
        </p:txBody>
      </p:sp>
      <p:sp>
        <p:nvSpPr>
          <p:cNvPr id="10" name="Content Placeholder 8">
            <a:extLst>
              <a:ext uri="{FF2B5EF4-FFF2-40B4-BE49-F238E27FC236}">
                <a16:creationId xmlns:a16="http://schemas.microsoft.com/office/drawing/2014/main" id="{9EABA108-3F26-0F72-9B25-4CBD7D9153E4}"/>
              </a:ext>
            </a:extLst>
          </p:cNvPr>
          <p:cNvSpPr>
            <a:spLocks noGrp="1"/>
          </p:cNvSpPr>
          <p:nvPr>
            <p:ph sz="quarter" idx="10" hasCustomPrompt="1"/>
          </p:nvPr>
        </p:nvSpPr>
        <p:spPr>
          <a:xfrm>
            <a:off x="545275" y="2333042"/>
            <a:ext cx="4930238" cy="3414613"/>
          </a:xfrm>
        </p:spPr>
        <p:txBody>
          <a:bodyPr/>
          <a:lstStyle>
            <a:lvl3pPr marL="14288" indent="0">
              <a:buNone/>
              <a:tabLst/>
              <a:defRPr>
                <a:solidFill>
                  <a:schemeClr val="tx2"/>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2" name="Content Placeholder 8">
            <a:extLst>
              <a:ext uri="{FF2B5EF4-FFF2-40B4-BE49-F238E27FC236}">
                <a16:creationId xmlns:a16="http://schemas.microsoft.com/office/drawing/2014/main" id="{19222369-E83C-9B0E-21D7-4A70603AA569}"/>
              </a:ext>
            </a:extLst>
          </p:cNvPr>
          <p:cNvSpPr>
            <a:spLocks noGrp="1"/>
          </p:cNvSpPr>
          <p:nvPr>
            <p:ph sz="quarter" idx="13" hasCustomPrompt="1"/>
          </p:nvPr>
        </p:nvSpPr>
        <p:spPr>
          <a:xfrm>
            <a:off x="6091636" y="2333042"/>
            <a:ext cx="4930238" cy="3414613"/>
          </a:xfrm>
        </p:spPr>
        <p:txBody>
          <a:bodyPr/>
          <a:lstStyle>
            <a:lvl3pPr marL="14288" indent="0">
              <a:buNone/>
              <a:tabLst/>
              <a:defRPr>
                <a:solidFill>
                  <a:schemeClr val="tx2"/>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6" name="Text Placeholder 17">
            <a:extLst>
              <a:ext uri="{FF2B5EF4-FFF2-40B4-BE49-F238E27FC236}">
                <a16:creationId xmlns:a16="http://schemas.microsoft.com/office/drawing/2014/main" id="{7C089FD0-4E17-8BB7-FEBE-8FF6B12F3B6A}"/>
              </a:ext>
            </a:extLst>
          </p:cNvPr>
          <p:cNvSpPr>
            <a:spLocks noGrp="1"/>
          </p:cNvSpPr>
          <p:nvPr>
            <p:ph type="body" sz="quarter" idx="12"/>
          </p:nvPr>
        </p:nvSpPr>
        <p:spPr>
          <a:xfrm>
            <a:off x="545275"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8" name="Text Placeholder 17">
            <a:extLst>
              <a:ext uri="{FF2B5EF4-FFF2-40B4-BE49-F238E27FC236}">
                <a16:creationId xmlns:a16="http://schemas.microsoft.com/office/drawing/2014/main" id="{9347B8E5-F8ED-9095-A6BA-3C4A54C5CAD5}"/>
              </a:ext>
            </a:extLst>
          </p:cNvPr>
          <p:cNvSpPr>
            <a:spLocks noGrp="1"/>
          </p:cNvSpPr>
          <p:nvPr>
            <p:ph type="body" sz="quarter" idx="15"/>
          </p:nvPr>
        </p:nvSpPr>
        <p:spPr>
          <a:xfrm>
            <a:off x="6076646" y="1823776"/>
            <a:ext cx="4930238" cy="395219"/>
          </a:xfrm>
        </p:spPr>
        <p:txBody>
          <a:bodyPr anchor="ctr">
            <a:normAutofit/>
          </a:bodyPr>
          <a:lstStyle>
            <a:lvl1pPr marL="227013"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9" name="Text Placeholder 17">
            <a:extLst>
              <a:ext uri="{FF2B5EF4-FFF2-40B4-BE49-F238E27FC236}">
                <a16:creationId xmlns:a16="http://schemas.microsoft.com/office/drawing/2014/main" id="{4ECD7B5D-4345-1F7E-9C49-1F569C0F4517}"/>
              </a:ext>
            </a:extLst>
          </p:cNvPr>
          <p:cNvSpPr>
            <a:spLocks noGrp="1"/>
          </p:cNvSpPr>
          <p:nvPr>
            <p:ph type="body" sz="quarter" idx="16"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Tree>
    <p:extLst>
      <p:ext uri="{BB962C8B-B14F-4D97-AF65-F5344CB8AC3E}">
        <p14:creationId xmlns:p14="http://schemas.microsoft.com/office/powerpoint/2010/main" val="8529188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Slide 4">
    <p:bg>
      <p:bgPr>
        <a:solidFill>
          <a:srgbClr val="FFFFFF"/>
        </a:solidFill>
        <a:effectLst/>
      </p:bgPr>
    </p:bg>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BF9506C1-A872-1780-C5B3-3DF31C540989}"/>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vl1pPr>
          </a:lstStyle>
          <a:p>
            <a:r>
              <a:rPr lang="en-US"/>
              <a:t>Click to edit Master title style</a:t>
            </a:r>
          </a:p>
        </p:txBody>
      </p:sp>
      <p:sp>
        <p:nvSpPr>
          <p:cNvPr id="6" name="Content Placeholder 5">
            <a:extLst>
              <a:ext uri="{FF2B5EF4-FFF2-40B4-BE49-F238E27FC236}">
                <a16:creationId xmlns:a16="http://schemas.microsoft.com/office/drawing/2014/main" id="{0804E0D2-56AC-6BB6-EBDA-2788E4FE1F93}"/>
              </a:ext>
            </a:extLst>
          </p:cNvPr>
          <p:cNvSpPr>
            <a:spLocks noGrp="1"/>
          </p:cNvSpPr>
          <p:nvPr>
            <p:ph sz="quarter" idx="14"/>
          </p:nvPr>
        </p:nvSpPr>
        <p:spPr>
          <a:xfrm>
            <a:off x="6091238" y="1839233"/>
            <a:ext cx="4930775" cy="3908425"/>
          </a:xfrm>
        </p:spPr>
        <p:txBody>
          <a:bodyPr/>
          <a:lstStyle>
            <a:lvl1pPr marL="223838" indent="-223838">
              <a:buClr>
                <a:schemeClr val="accent1"/>
              </a:buClr>
              <a:buFont typeface="Arial" panose="020B0604020202020204" pitchFamily="34" charset="0"/>
              <a:buChar char="•"/>
              <a:tabLst/>
              <a:defRPr>
                <a:solidFill>
                  <a:schemeClr val="tx2"/>
                </a:solidFill>
              </a:defRPr>
            </a:lvl1pPr>
            <a:lvl2pPr marL="671513" indent="-214313">
              <a:buClr>
                <a:schemeClr val="accent1"/>
              </a:buClr>
              <a:buFont typeface="Arial" panose="020B0604020202020204" pitchFamily="34" charset="0"/>
              <a:buChar char="•"/>
              <a:tabLst/>
              <a:defRPr>
                <a:solidFill>
                  <a:schemeClr val="tx2"/>
                </a:solidFill>
              </a:defRPr>
            </a:lvl2pPr>
            <a:lvl3pPr>
              <a:buClr>
                <a:schemeClr val="accent1"/>
              </a:buClr>
              <a:defRPr>
                <a:solidFill>
                  <a:schemeClr val="tx2"/>
                </a:solidFill>
              </a:defRPr>
            </a:lvl3pPr>
            <a:lvl4pPr>
              <a:buClr>
                <a:schemeClr val="accent1"/>
              </a:buClr>
              <a:defRPr>
                <a:solidFill>
                  <a:schemeClr val="tx2"/>
                </a:solidFill>
              </a:defRPr>
            </a:lvl4pPr>
            <a:lvl5pPr>
              <a:buClr>
                <a:schemeClr val="accent1"/>
              </a:buClr>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MX"/>
          </a:p>
        </p:txBody>
      </p:sp>
      <p:sp>
        <p:nvSpPr>
          <p:cNvPr id="8" name="Text Placeholder 17">
            <a:extLst>
              <a:ext uri="{FF2B5EF4-FFF2-40B4-BE49-F238E27FC236}">
                <a16:creationId xmlns:a16="http://schemas.microsoft.com/office/drawing/2014/main" id="{61CC84C6-803F-AFFF-01C4-55971218FE6C}"/>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9" name="Content Placeholder 8">
            <a:extLst>
              <a:ext uri="{FF2B5EF4-FFF2-40B4-BE49-F238E27FC236}">
                <a16:creationId xmlns:a16="http://schemas.microsoft.com/office/drawing/2014/main" id="{9D6EA04D-E99A-26F8-799F-E587372C8469}"/>
              </a:ext>
            </a:extLst>
          </p:cNvPr>
          <p:cNvSpPr>
            <a:spLocks noGrp="1"/>
          </p:cNvSpPr>
          <p:nvPr>
            <p:ph sz="quarter" idx="10" hasCustomPrompt="1"/>
          </p:nvPr>
        </p:nvSpPr>
        <p:spPr>
          <a:xfrm>
            <a:off x="545275" y="1839232"/>
            <a:ext cx="4930238" cy="3908424"/>
          </a:xfrm>
        </p:spPr>
        <p:txBody>
          <a:bodyPr/>
          <a:lstStyle>
            <a:lvl3pPr marL="14288" indent="0">
              <a:buNone/>
              <a:tabLst/>
              <a:defRPr>
                <a:solidFill>
                  <a:schemeClr val="tx2"/>
                </a:solidFill>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Tree>
    <p:extLst>
      <p:ext uri="{BB962C8B-B14F-4D97-AF65-F5344CB8AC3E}">
        <p14:creationId xmlns:p14="http://schemas.microsoft.com/office/powerpoint/2010/main" val="37125700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Slide + graph">
    <p:bg>
      <p:bgPr>
        <a:solidFill>
          <a:srgbClr val="FFFFFF"/>
        </a:solidFill>
        <a:effectLst/>
      </p:bgPr>
    </p:bg>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6F1CA707-3D2C-813E-0FD8-1094E83E37A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lvl1pPr>
              <a:lnSpc>
                <a:spcPct val="85000"/>
              </a:lnSpc>
              <a:defRPr sz="3200">
                <a:latin typeface="+mj-lt"/>
              </a:defRPr>
            </a:lvl1pPr>
          </a:lstStyle>
          <a:p>
            <a:r>
              <a:rPr lang="en-US"/>
              <a:t>Click to edit Master title style</a:t>
            </a:r>
          </a:p>
        </p:txBody>
      </p:sp>
      <p:sp>
        <p:nvSpPr>
          <p:cNvPr id="10" name="Content Placeholder 8">
            <a:extLst>
              <a:ext uri="{FF2B5EF4-FFF2-40B4-BE49-F238E27FC236}">
                <a16:creationId xmlns:a16="http://schemas.microsoft.com/office/drawing/2014/main" id="{9EABA108-3F26-0F72-9B25-4CBD7D9153E4}"/>
              </a:ext>
            </a:extLst>
          </p:cNvPr>
          <p:cNvSpPr>
            <a:spLocks noGrp="1"/>
          </p:cNvSpPr>
          <p:nvPr>
            <p:ph sz="quarter" idx="10" hasCustomPrompt="1"/>
          </p:nvPr>
        </p:nvSpPr>
        <p:spPr>
          <a:xfrm>
            <a:off x="545275" y="2333042"/>
            <a:ext cx="4930238" cy="3414613"/>
          </a:xfrm>
        </p:spPr>
        <p:txBody>
          <a:bodyPr/>
          <a:lstStyle>
            <a:lvl3pPr marL="14288" indent="0">
              <a:buNone/>
              <a:tabLst/>
              <a:defRPr/>
            </a:lvl3pPr>
          </a:lstStyle>
          <a:p>
            <a:pPr lvl="2"/>
            <a:r>
              <a:rPr lang="es-MX" altLang="es-MX"/>
              <a:t>Lorem ipsum dolor sit amet hendrerit dolore ultricies erat dolore. Dui scelerisque pulvinar tristique fringilla platea rhoncus laoreet mi tincidunt eleifend. Velit pulvinar pellentesque massa mi quis ac aliquam at aliqua senectus libero scelerisque euismod. Lacus rhoncus eiusmod purus ullamcorper tristique nibh auctor lacinia fames incididunt scelerisque tortor. At euismod tempus dui turpis adipiscing lacus aliqua ut sagittis praesent.</a:t>
            </a:r>
          </a:p>
        </p:txBody>
      </p:sp>
      <p:sp>
        <p:nvSpPr>
          <p:cNvPr id="11" name="Text Placeholder 17">
            <a:extLst>
              <a:ext uri="{FF2B5EF4-FFF2-40B4-BE49-F238E27FC236}">
                <a16:creationId xmlns:a16="http://schemas.microsoft.com/office/drawing/2014/main" id="{3F25932D-6CC1-88F5-F8C4-87F209A97CAD}"/>
              </a:ext>
            </a:extLst>
          </p:cNvPr>
          <p:cNvSpPr>
            <a:spLocks noGrp="1"/>
          </p:cNvSpPr>
          <p:nvPr>
            <p:ph type="body" sz="quarter" idx="12"/>
          </p:nvPr>
        </p:nvSpPr>
        <p:spPr>
          <a:xfrm>
            <a:off x="545275" y="1823776"/>
            <a:ext cx="4930238" cy="395219"/>
          </a:xfrm>
        </p:spPr>
        <p:txBody>
          <a:bodyPr anchor="ctr">
            <a:normAutofit/>
          </a:bodyPr>
          <a:lstStyle>
            <a:lvl1pPr marL="0" marR="0" indent="0" algn="l" defTabSz="57600" rtl="0" eaLnBrk="1" fontAlgn="ctr" latinLnBrk="0" hangingPunct="1">
              <a:lnSpc>
                <a:spcPct val="90000"/>
              </a:lnSpc>
              <a:spcBef>
                <a:spcPts val="1000"/>
              </a:spcBef>
              <a:spcAft>
                <a:spcPts val="0"/>
              </a:spcAft>
              <a:buClrTx/>
              <a:buSzTx/>
              <a:buFont typeface="Arial" pitchFamily="34" charset="0"/>
              <a:buNone/>
              <a:tabLst/>
              <a:defRPr sz="2000" b="1">
                <a:solidFill>
                  <a:schemeClr val="tx1"/>
                </a:solidFill>
                <a:latin typeface="+mj-lt"/>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endParaRPr lang="en-AU"/>
          </a:p>
        </p:txBody>
      </p:sp>
      <p:sp>
        <p:nvSpPr>
          <p:cNvPr id="12" name="Text Placeholder 17">
            <a:extLst>
              <a:ext uri="{FF2B5EF4-FFF2-40B4-BE49-F238E27FC236}">
                <a16:creationId xmlns:a16="http://schemas.microsoft.com/office/drawing/2014/main" id="{555F4D66-7DAF-4801-B6C9-CFB40E351722}"/>
              </a:ext>
            </a:extLst>
          </p:cNvPr>
          <p:cNvSpPr>
            <a:spLocks noGrp="1"/>
          </p:cNvSpPr>
          <p:nvPr>
            <p:ph type="body" sz="quarter" idx="13" hasCustomPrompt="1"/>
          </p:nvPr>
        </p:nvSpPr>
        <p:spPr>
          <a:xfrm>
            <a:off x="545275" y="463684"/>
            <a:ext cx="4930238" cy="342967"/>
          </a:xfrm>
        </p:spPr>
        <p:txBody>
          <a:bodyPr anchor="ctr">
            <a:normAutofit/>
          </a:bodyPr>
          <a:lstStyle>
            <a:lvl1pPr marL="228594" marR="0" indent="-228594" algn="l" defTabSz="914377" rtl="0" eaLnBrk="1" fontAlgn="auto" latinLnBrk="0" hangingPunct="1">
              <a:lnSpc>
                <a:spcPct val="90000"/>
              </a:lnSpc>
              <a:spcBef>
                <a:spcPts val="1000"/>
              </a:spcBef>
              <a:spcAft>
                <a:spcPts val="0"/>
              </a:spcAft>
              <a:buClrTx/>
              <a:buSzTx/>
              <a:buFont typeface="Arial" pitchFamily="34" charset="0"/>
              <a:buNone/>
              <a:tabLst/>
              <a:defRPr sz="1200" b="1">
                <a:solidFill>
                  <a:schemeClr val="accent1"/>
                </a:solidFill>
                <a:latin typeface="Nunito" pitchFamily="2" charset="77"/>
              </a:defRPr>
            </a:lvl1pPr>
          </a:lstStyle>
          <a:p>
            <a:pPr marL="228594" marR="0" lvl="0" indent="-228594" algn="l" defTabSz="914377" rtl="0" eaLnBrk="1" fontAlgn="auto" latinLnBrk="0" hangingPunct="1">
              <a:lnSpc>
                <a:spcPct val="90000"/>
              </a:lnSpc>
              <a:spcBef>
                <a:spcPts val="1000"/>
              </a:spcBef>
              <a:spcAft>
                <a:spcPts val="0"/>
              </a:spcAft>
              <a:buClrTx/>
              <a:buSzTx/>
              <a:buFont typeface="Arial" pitchFamily="34" charset="0"/>
              <a:buNone/>
              <a:tabLst/>
              <a:defRPr/>
            </a:pPr>
            <a:r>
              <a:rPr lang="es-MX"/>
              <a:t>Document/Section Title</a:t>
            </a:r>
          </a:p>
        </p:txBody>
      </p:sp>
      <p:sp>
        <p:nvSpPr>
          <p:cNvPr id="4" name="Chart Placeholder 3">
            <a:extLst>
              <a:ext uri="{FF2B5EF4-FFF2-40B4-BE49-F238E27FC236}">
                <a16:creationId xmlns:a16="http://schemas.microsoft.com/office/drawing/2014/main" id="{BFE70F2A-9DE3-F987-2DDE-87F483D48B0A}"/>
              </a:ext>
            </a:extLst>
          </p:cNvPr>
          <p:cNvSpPr>
            <a:spLocks noGrp="1"/>
          </p:cNvSpPr>
          <p:nvPr>
            <p:ph type="chart" sz="quarter" idx="14"/>
          </p:nvPr>
        </p:nvSpPr>
        <p:spPr>
          <a:xfrm>
            <a:off x="5961088" y="1824038"/>
            <a:ext cx="4930775" cy="3924300"/>
          </a:xfrm>
        </p:spPr>
        <p:txBody>
          <a:bodyPr/>
          <a:lstStyle/>
          <a:p>
            <a:endParaRPr lang="en-MX"/>
          </a:p>
        </p:txBody>
      </p:sp>
    </p:spTree>
    <p:extLst>
      <p:ext uri="{BB962C8B-B14F-4D97-AF65-F5344CB8AC3E}">
        <p14:creationId xmlns:p14="http://schemas.microsoft.com/office/powerpoint/2010/main" val="2268412922"/>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7" Type="http://schemas.openxmlformats.org/officeDocument/2006/relationships/image" Target="../media/image4.sv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3.png"/><Relationship Id="rId5" Type="http://schemas.openxmlformats.org/officeDocument/2006/relationships/image" Target="../media/image2.svg"/><Relationship Id="rId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7" Type="http://schemas.openxmlformats.org/officeDocument/2006/relationships/image" Target="../media/image10.svg"/><Relationship Id="rId2" Type="http://schemas.openxmlformats.org/officeDocument/2006/relationships/slideLayout" Target="../slideLayouts/slideLayout4.xml"/><Relationship Id="rId1" Type="http://schemas.openxmlformats.org/officeDocument/2006/relationships/slideLayout" Target="../slideLayouts/slideLayout3.xml"/><Relationship Id="rId6" Type="http://schemas.openxmlformats.org/officeDocument/2006/relationships/image" Target="../media/image9.png"/><Relationship Id="rId5" Type="http://schemas.openxmlformats.org/officeDocument/2006/relationships/image" Target="../media/image8.svg"/><Relationship Id="rId4" Type="http://schemas.openxmlformats.org/officeDocument/2006/relationships/image" Target="../media/image7.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2.xml"/><Relationship Id="rId13" Type="http://schemas.openxmlformats.org/officeDocument/2006/relationships/theme" Target="../theme/theme3.xml"/><Relationship Id="rId3" Type="http://schemas.openxmlformats.org/officeDocument/2006/relationships/slideLayout" Target="../slideLayouts/slideLayout7.xml"/><Relationship Id="rId7" Type="http://schemas.openxmlformats.org/officeDocument/2006/relationships/slideLayout" Target="../slideLayouts/slideLayout11.xml"/><Relationship Id="rId12" Type="http://schemas.openxmlformats.org/officeDocument/2006/relationships/slideLayout" Target="../slideLayouts/slideLayout16.xml"/><Relationship Id="rId2" Type="http://schemas.openxmlformats.org/officeDocument/2006/relationships/slideLayout" Target="../slideLayouts/slideLayout6.xml"/><Relationship Id="rId1" Type="http://schemas.openxmlformats.org/officeDocument/2006/relationships/slideLayout" Target="../slideLayouts/slideLayout5.xml"/><Relationship Id="rId6" Type="http://schemas.openxmlformats.org/officeDocument/2006/relationships/slideLayout" Target="../slideLayouts/slideLayout10.xml"/><Relationship Id="rId11" Type="http://schemas.openxmlformats.org/officeDocument/2006/relationships/slideLayout" Target="../slideLayouts/slideLayout15.xml"/><Relationship Id="rId5" Type="http://schemas.openxmlformats.org/officeDocument/2006/relationships/slideLayout" Target="../slideLayouts/slideLayout9.xml"/><Relationship Id="rId15" Type="http://schemas.openxmlformats.org/officeDocument/2006/relationships/image" Target="../media/image6.svg"/><Relationship Id="rId10" Type="http://schemas.openxmlformats.org/officeDocument/2006/relationships/slideLayout" Target="../slideLayouts/slideLayout14.xml"/><Relationship Id="rId4" Type="http://schemas.openxmlformats.org/officeDocument/2006/relationships/slideLayout" Target="../slideLayouts/slideLayout8.xml"/><Relationship Id="rId9" Type="http://schemas.openxmlformats.org/officeDocument/2006/relationships/slideLayout" Target="../slideLayouts/slideLayout13.xml"/><Relationship Id="rId14" Type="http://schemas.openxmlformats.org/officeDocument/2006/relationships/image" Target="../media/image5.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slideLayout" Target="../slideLayouts/slideLayout29.xml"/><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slideLayout" Target="../slideLayouts/slideLayout28.xml"/><Relationship Id="rId2" Type="http://schemas.openxmlformats.org/officeDocument/2006/relationships/slideLayout" Target="../slideLayouts/slideLayout18.xml"/><Relationship Id="rId16" Type="http://schemas.openxmlformats.org/officeDocument/2006/relationships/image" Target="../media/image12.svg"/><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image" Target="../media/image11.png"/><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theme" Target="../theme/theme5.xml"/><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slideLayout" Target="../slideLayouts/slideLayout41.xml"/><Relationship Id="rId2" Type="http://schemas.openxmlformats.org/officeDocument/2006/relationships/slideLayout" Target="../slideLayouts/slideLayout31.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5" Type="http://schemas.openxmlformats.org/officeDocument/2006/relationships/image" Target="../media/image6.svg"/><Relationship Id="rId10" Type="http://schemas.openxmlformats.org/officeDocument/2006/relationships/slideLayout" Target="../slideLayouts/slideLayout39.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image" Target="../media/image5.png"/></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theme" Target="../theme/theme6.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2" Type="http://schemas.openxmlformats.org/officeDocument/2006/relationships/slideLayout" Target="../slideLayouts/slideLayout4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image" Target="../media/image12.svg"/><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image" Target="../media/image11.png"/></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1.xml"/><Relationship Id="rId3" Type="http://schemas.openxmlformats.org/officeDocument/2006/relationships/slideLayout" Target="../slideLayouts/slideLayout56.xml"/><Relationship Id="rId7" Type="http://schemas.openxmlformats.org/officeDocument/2006/relationships/slideLayout" Target="../slideLayouts/slideLayout60.xml"/><Relationship Id="rId2" Type="http://schemas.openxmlformats.org/officeDocument/2006/relationships/slideLayout" Target="../slideLayouts/slideLayout55.xml"/><Relationship Id="rId1" Type="http://schemas.openxmlformats.org/officeDocument/2006/relationships/slideLayout" Target="../slideLayouts/slideLayout54.xml"/><Relationship Id="rId6" Type="http://schemas.openxmlformats.org/officeDocument/2006/relationships/slideLayout" Target="../slideLayouts/slideLayout59.xml"/><Relationship Id="rId11" Type="http://schemas.openxmlformats.org/officeDocument/2006/relationships/image" Target="../media/image6.svg"/><Relationship Id="rId5" Type="http://schemas.openxmlformats.org/officeDocument/2006/relationships/slideLayout" Target="../slideLayouts/slideLayout58.xml"/><Relationship Id="rId10" Type="http://schemas.openxmlformats.org/officeDocument/2006/relationships/image" Target="../media/image5.png"/><Relationship Id="rId4" Type="http://schemas.openxmlformats.org/officeDocument/2006/relationships/slideLayout" Target="../slideLayouts/slideLayout57.xml"/><Relationship Id="rId9" Type="http://schemas.openxmlformats.org/officeDocument/2006/relationships/theme" Target="../theme/theme7.xml"/></Relationships>
</file>

<file path=ppt/slideMasters/_rels/slideMaster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theme" Target="../theme/theme8.xml"/><Relationship Id="rId1" Type="http://schemas.openxmlformats.org/officeDocument/2006/relationships/slideLayout" Target="../slideLayouts/slideLayout62.xml"/><Relationship Id="rId6" Type="http://schemas.openxmlformats.org/officeDocument/2006/relationships/image" Target="../media/image15.svg"/><Relationship Id="rId5" Type="http://schemas.openxmlformats.org/officeDocument/2006/relationships/image" Target="../media/image14.png"/><Relationship Id="rId4" Type="http://schemas.openxmlformats.org/officeDocument/2006/relationships/image" Target="../media/image13.svg"/></Relationships>
</file>

<file path=ppt/slideMasters/_rels/slideMaster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theme" Target="../theme/theme9.xml"/><Relationship Id="rId1" Type="http://schemas.openxmlformats.org/officeDocument/2006/relationships/slideLayout" Target="../slideLayouts/slideLayout63.xml"/><Relationship Id="rId6" Type="http://schemas.openxmlformats.org/officeDocument/2006/relationships/image" Target="../media/image19.svg"/><Relationship Id="rId5" Type="http://schemas.openxmlformats.org/officeDocument/2006/relationships/image" Target="../media/image18.png"/><Relationship Id="rId4" Type="http://schemas.openxmlformats.org/officeDocument/2006/relationships/image" Target="../media/image17.sv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
            <a:lum/>
            <a:extLst>
              <a:ext uri="{96DAC541-7B7A-43D3-8B79-37D633B846F1}">
                <asvg:svgBlip xmlns:asvg="http://schemas.microsoft.com/office/drawing/2016/SVG/main" r:embed="rId5"/>
              </a:ext>
            </a:extLst>
          </a:blip>
          <a:srcRect/>
          <a:stretch>
            <a:fillRect l="-1000" t="52000" r="-3000"/>
          </a:stretch>
        </a:blipFill>
        <a:effectLst/>
      </p:bgPr>
    </p:bg>
    <p:spTree>
      <p:nvGrpSpPr>
        <p:cNvPr id="1" name=""/>
        <p:cNvGrpSpPr/>
        <p:nvPr/>
      </p:nvGrpSpPr>
      <p:grpSpPr>
        <a:xfrm>
          <a:off x="0" y="0"/>
          <a:ext cx="0" cy="0"/>
          <a:chOff x="0" y="0"/>
          <a:chExt cx="0" cy="0"/>
        </a:xfrm>
      </p:grpSpPr>
      <p:sp>
        <p:nvSpPr>
          <p:cNvPr id="8" name="Title Placeholder 7">
            <a:extLst>
              <a:ext uri="{FF2B5EF4-FFF2-40B4-BE49-F238E27FC236}">
                <a16:creationId xmlns:a16="http://schemas.microsoft.com/office/drawing/2014/main" id="{B1941387-5B5E-4B88-9CF4-BF7DA65E773E}"/>
              </a:ext>
            </a:extLst>
          </p:cNvPr>
          <p:cNvSpPr>
            <a:spLocks noGrp="1"/>
          </p:cNvSpPr>
          <p:nvPr>
            <p:ph type="title"/>
          </p:nvPr>
        </p:nvSpPr>
        <p:spPr>
          <a:xfrm>
            <a:off x="533400" y="2590165"/>
            <a:ext cx="10515600" cy="1325563"/>
          </a:xfrm>
          <a:prstGeom prst="rect">
            <a:avLst/>
          </a:prstGeom>
        </p:spPr>
        <p:txBody>
          <a:bodyPr vert="horz" lIns="0" tIns="0" rIns="0" bIns="0" rtlCol="0" anchor="t" anchorCtr="0">
            <a:noAutofit/>
          </a:bodyPr>
          <a:lstStyle/>
          <a:p>
            <a:r>
              <a:rPr lang="en-US"/>
              <a:t>Click to edit Master title style</a:t>
            </a:r>
          </a:p>
        </p:txBody>
      </p:sp>
      <p:pic>
        <p:nvPicPr>
          <p:cNvPr id="3" name="Graphic 6">
            <a:extLst>
              <a:ext uri="{FF2B5EF4-FFF2-40B4-BE49-F238E27FC236}">
                <a16:creationId xmlns:a16="http://schemas.microsoft.com/office/drawing/2014/main" id="{4A71DDA7-A60A-C77D-46A6-489F9FB19AFF}"/>
              </a:ext>
            </a:extLst>
          </p:cNvPr>
          <p:cNvPicPr>
            <a:picLocks noChangeAspect="1"/>
          </p:cNvPicPr>
          <p:nvPr userDrawn="1"/>
        </p:nvPicPr>
        <p:blipFill>
          <a:blip r:embed="rId6">
            <a:extLst>
              <a:ext uri="{96DAC541-7B7A-43D3-8B79-37D633B846F1}">
                <asvg:svgBlip xmlns:asvg="http://schemas.microsoft.com/office/drawing/2016/SVG/main" r:embed="rId7"/>
              </a:ext>
            </a:extLst>
          </a:blip>
          <a:srcRect/>
          <a:stretch/>
        </p:blipFill>
        <p:spPr>
          <a:xfrm>
            <a:off x="541443" y="494030"/>
            <a:ext cx="9048750" cy="603250"/>
          </a:xfrm>
          <a:prstGeom prst="rect">
            <a:avLst/>
          </a:prstGeom>
        </p:spPr>
      </p:pic>
    </p:spTree>
    <p:extLst>
      <p:ext uri="{BB962C8B-B14F-4D97-AF65-F5344CB8AC3E}">
        <p14:creationId xmlns:p14="http://schemas.microsoft.com/office/powerpoint/2010/main" val="2018952795"/>
      </p:ext>
    </p:extLst>
  </p:cSld>
  <p:clrMap bg1="lt1" tx1="dk1" bg2="lt2" tx2="dk2" accent1="accent1" accent2="accent2" accent3="accent3" accent4="accent4" accent5="accent5" accent6="accent6" hlink="hlink" folHlink="folHlink"/>
  <p:sldLayoutIdLst>
    <p:sldLayoutId id="2147483717" r:id="rId1"/>
    <p:sldLayoutId id="2147483721" r:id="rId2"/>
  </p:sldLayoutIdLst>
  <p:txStyles>
    <p:titleStyle>
      <a:lvl1pPr algn="l" defTabSz="914400" rtl="0" eaLnBrk="1" latinLnBrk="0" hangingPunct="1">
        <a:lnSpc>
          <a:spcPct val="80000"/>
        </a:lnSpc>
        <a:spcBef>
          <a:spcPct val="0"/>
        </a:spcBef>
        <a:buNone/>
        <a:defRPr sz="4000" b="1" i="0" kern="1200">
          <a:solidFill>
            <a:schemeClr val="tx1"/>
          </a:solidFill>
          <a:latin typeface="Lora SemiBold" pitchFamily="2" charset="77"/>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984" userDrawn="1">
          <p15:clr>
            <a:srgbClr val="F26B43"/>
          </p15:clr>
        </p15:guide>
        <p15:guide id="2" pos="336" userDrawn="1">
          <p15:clr>
            <a:srgbClr val="F26B43"/>
          </p15:clr>
        </p15:guide>
        <p15:guide id="3" orient="horz" pos="57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4">
            <a:lum/>
            <a:extLst>
              <a:ext uri="{96DAC541-7B7A-43D3-8B79-37D633B846F1}">
                <asvg:svgBlip xmlns:asvg="http://schemas.microsoft.com/office/drawing/2016/SVG/main" r:embed="rId5"/>
              </a:ext>
            </a:extLst>
          </a:blip>
          <a:srcRect/>
          <a:stretch>
            <a:fillRect l="-4000" r="-4000"/>
          </a:stretch>
        </a:blipFill>
        <a:effectLst/>
      </p:bgPr>
    </p:bg>
    <p:spTree>
      <p:nvGrpSpPr>
        <p:cNvPr id="1" name=""/>
        <p:cNvGrpSpPr/>
        <p:nvPr/>
      </p:nvGrpSpPr>
      <p:grpSpPr>
        <a:xfrm>
          <a:off x="0" y="0"/>
          <a:ext cx="0" cy="0"/>
          <a:chOff x="0" y="0"/>
          <a:chExt cx="0" cy="0"/>
        </a:xfrm>
      </p:grpSpPr>
      <p:sp>
        <p:nvSpPr>
          <p:cNvPr id="8" name="Title Placeholder 7">
            <a:extLst>
              <a:ext uri="{FF2B5EF4-FFF2-40B4-BE49-F238E27FC236}">
                <a16:creationId xmlns:a16="http://schemas.microsoft.com/office/drawing/2014/main" id="{B1941387-5B5E-4B88-9CF4-BF7DA65E773E}"/>
              </a:ext>
            </a:extLst>
          </p:cNvPr>
          <p:cNvSpPr>
            <a:spLocks noGrp="1"/>
          </p:cNvSpPr>
          <p:nvPr>
            <p:ph type="title"/>
          </p:nvPr>
        </p:nvSpPr>
        <p:spPr>
          <a:xfrm>
            <a:off x="533400" y="2590165"/>
            <a:ext cx="10515600" cy="1325563"/>
          </a:xfrm>
          <a:prstGeom prst="rect">
            <a:avLst/>
          </a:prstGeom>
        </p:spPr>
        <p:txBody>
          <a:bodyPr vert="horz" lIns="0" tIns="0" rIns="0" bIns="0" rtlCol="0" anchor="t" anchorCtr="0">
            <a:noAutofit/>
          </a:bodyPr>
          <a:lstStyle/>
          <a:p>
            <a:r>
              <a:rPr lang="en-US"/>
              <a:t>Click to edit Master title style</a:t>
            </a:r>
          </a:p>
        </p:txBody>
      </p:sp>
      <p:pic>
        <p:nvPicPr>
          <p:cNvPr id="3" name="Graphic 6">
            <a:extLst>
              <a:ext uri="{FF2B5EF4-FFF2-40B4-BE49-F238E27FC236}">
                <a16:creationId xmlns:a16="http://schemas.microsoft.com/office/drawing/2014/main" id="{A56F6523-666F-2D0D-6573-BF2BA50F689B}"/>
              </a:ext>
            </a:extLst>
          </p:cNvPr>
          <p:cNvPicPr>
            <a:picLocks noChangeAspect="1"/>
          </p:cNvPicPr>
          <p:nvPr userDrawn="1"/>
        </p:nvPicPr>
        <p:blipFill>
          <a:blip r:embed="rId6">
            <a:extLst>
              <a:ext uri="{96DAC541-7B7A-43D3-8B79-37D633B846F1}">
                <asvg:svgBlip xmlns:asvg="http://schemas.microsoft.com/office/drawing/2016/SVG/main" r:embed="rId7"/>
              </a:ext>
            </a:extLst>
          </a:blip>
          <a:srcRect/>
          <a:stretch/>
        </p:blipFill>
        <p:spPr>
          <a:xfrm>
            <a:off x="541443" y="494030"/>
            <a:ext cx="9048750" cy="603250"/>
          </a:xfrm>
          <a:prstGeom prst="rect">
            <a:avLst/>
          </a:prstGeom>
        </p:spPr>
      </p:pic>
    </p:spTree>
    <p:extLst>
      <p:ext uri="{BB962C8B-B14F-4D97-AF65-F5344CB8AC3E}">
        <p14:creationId xmlns:p14="http://schemas.microsoft.com/office/powerpoint/2010/main" val="279714386"/>
      </p:ext>
    </p:extLst>
  </p:cSld>
  <p:clrMap bg1="lt1" tx1="dk1" bg2="lt2" tx2="dk2" accent1="accent1" accent2="accent2" accent3="accent3" accent4="accent4" accent5="accent5" accent6="accent6" hlink="hlink" folHlink="folHlink"/>
  <p:sldLayoutIdLst>
    <p:sldLayoutId id="2147483752" r:id="rId1"/>
    <p:sldLayoutId id="2147483753" r:id="rId2"/>
  </p:sldLayoutIdLst>
  <p:txStyles>
    <p:titleStyle>
      <a:lvl1pPr algn="l" defTabSz="914400" rtl="0" eaLnBrk="1" latinLnBrk="0" hangingPunct="1">
        <a:lnSpc>
          <a:spcPct val="80000"/>
        </a:lnSpc>
        <a:spcBef>
          <a:spcPct val="0"/>
        </a:spcBef>
        <a:buNone/>
        <a:defRPr sz="4800" b="1" i="0" kern="1200">
          <a:solidFill>
            <a:schemeClr val="bg1"/>
          </a:solidFill>
          <a:latin typeface="Lora SemiBold" pitchFamily="2" charset="77"/>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984" userDrawn="1">
          <p15:clr>
            <a:srgbClr val="F26B43"/>
          </p15:clr>
        </p15:guide>
        <p15:guide id="2" pos="336" userDrawn="1">
          <p15:clr>
            <a:srgbClr val="F26B43"/>
          </p15:clr>
        </p15:guide>
        <p15:guide id="3" orient="horz" pos="576"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3EE53E-BC47-F3BE-E647-408E8D084456}"/>
              </a:ext>
            </a:extLst>
          </p:cNvPr>
          <p:cNvSpPr/>
          <p:nvPr userDrawn="1"/>
        </p:nvSpPr>
        <p:spPr>
          <a:xfrm>
            <a:off x="0" y="5990433"/>
            <a:ext cx="12192000" cy="87283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8" name="Marcador de texto 2">
            <a:extLst>
              <a:ext uri="{FF2B5EF4-FFF2-40B4-BE49-F238E27FC236}">
                <a16:creationId xmlns:a16="http://schemas.microsoft.com/office/drawing/2014/main" id="{77325EC9-8524-4543-AB78-A21C2FF5D392}"/>
              </a:ext>
            </a:extLst>
          </p:cNvPr>
          <p:cNvSpPr>
            <a:spLocks noGrp="1" noChangeArrowheads="1"/>
          </p:cNvSpPr>
          <p:nvPr>
            <p:ph type="body" idx="1"/>
          </p:nvPr>
        </p:nvSpPr>
        <p:spPr bwMode="auto">
          <a:xfrm>
            <a:off x="545275" y="1840675"/>
            <a:ext cx="11151425"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p>
            <a:pPr lvl="0"/>
            <a:r>
              <a:rPr lang="es-MX" altLang="es-MX"/>
              <a:t>Haga clic para modificar los estilos de texto del patrón</a:t>
            </a:r>
          </a:p>
          <a:p>
            <a:pPr lvl="1"/>
            <a:r>
              <a:rPr lang="es-MX" altLang="es-MX"/>
              <a:t>Segundo nivel</a:t>
            </a:r>
          </a:p>
          <a:p>
            <a:pPr lvl="2"/>
            <a:r>
              <a:rPr lang="es-MX" altLang="es-MX"/>
              <a:t>Tercer nivel</a:t>
            </a:r>
          </a:p>
          <a:p>
            <a:pPr lvl="3"/>
            <a:r>
              <a:rPr lang="es-MX" altLang="es-MX"/>
              <a:t>Cuarto nivel</a:t>
            </a:r>
          </a:p>
          <a:p>
            <a:pPr lvl="4"/>
            <a:r>
              <a:rPr lang="es-MX" altLang="es-MX"/>
              <a:t>Quinto nivel</a:t>
            </a:r>
          </a:p>
        </p:txBody>
      </p:sp>
      <p:sp>
        <p:nvSpPr>
          <p:cNvPr id="2" name="Title Placeholder 1">
            <a:extLst>
              <a:ext uri="{FF2B5EF4-FFF2-40B4-BE49-F238E27FC236}">
                <a16:creationId xmlns:a16="http://schemas.microsoft.com/office/drawing/2014/main" id="{6C5B78DE-FF67-9F9D-DD04-604E9E564BB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endParaRPr lang="en-US"/>
          </a:p>
        </p:txBody>
      </p:sp>
      <p:pic>
        <p:nvPicPr>
          <p:cNvPr id="6" name="Graphic 7">
            <a:extLst>
              <a:ext uri="{FF2B5EF4-FFF2-40B4-BE49-F238E27FC236}">
                <a16:creationId xmlns:a16="http://schemas.microsoft.com/office/drawing/2014/main" id="{AB476A0E-BFC4-14D1-F56D-2A34F9C59395}"/>
              </a:ext>
            </a:extLst>
          </p:cNvPr>
          <p:cNvPicPr>
            <a:picLocks noChangeAspect="1"/>
          </p:cNvPicPr>
          <p:nvPr userDrawn="1"/>
        </p:nvPicPr>
        <p:blipFill>
          <a:blip r:embed="rId14">
            <a:extLst>
              <a:ext uri="{96DAC541-7B7A-43D3-8B79-37D633B846F1}">
                <asvg:svgBlip xmlns:asvg="http://schemas.microsoft.com/office/drawing/2016/SVG/main" r:embed="rId15"/>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744606595"/>
      </p:ext>
    </p:extLst>
  </p:cSld>
  <p:clrMap bg1="lt1" tx1="dk1" bg2="lt2" tx2="dk2" accent1="accent1" accent2="accent2" accent3="accent3" accent4="accent4" accent5="accent5" accent6="accent6" hlink="hlink" folHlink="folHlink"/>
  <p:sldLayoutIdLst>
    <p:sldLayoutId id="2147483705" r:id="rId1"/>
    <p:sldLayoutId id="2147483775" r:id="rId2"/>
    <p:sldLayoutId id="2147483776" r:id="rId3"/>
    <p:sldLayoutId id="2147483723" r:id="rId4"/>
    <p:sldLayoutId id="2147483785" r:id="rId5"/>
    <p:sldLayoutId id="2147483781" r:id="rId6"/>
    <p:sldLayoutId id="2147483709" r:id="rId7"/>
    <p:sldLayoutId id="2147483773" r:id="rId8"/>
    <p:sldLayoutId id="2147483782" r:id="rId9"/>
    <p:sldLayoutId id="2147483784" r:id="rId10"/>
    <p:sldLayoutId id="2147483783" r:id="rId11"/>
    <p:sldLayoutId id="2147483772" r:id="rId12"/>
  </p:sldLayoutIdLst>
  <p:txStyles>
    <p:titleStyle>
      <a:lvl1pPr algn="l" rtl="0" eaLnBrk="1" fontAlgn="base" hangingPunct="1">
        <a:lnSpc>
          <a:spcPct val="85000"/>
        </a:lnSpc>
        <a:spcBef>
          <a:spcPct val="0"/>
        </a:spcBef>
        <a:spcAft>
          <a:spcPct val="0"/>
        </a:spcAft>
        <a:defRPr sz="3200" b="1" i="0" kern="1200">
          <a:solidFill>
            <a:srgbClr val="353750"/>
          </a:solidFill>
          <a:latin typeface="+mj-lt"/>
          <a:ea typeface="+mj-ea"/>
          <a:cs typeface="Martel" pitchFamily="2" charset="77"/>
        </a:defRPr>
      </a:lvl1pPr>
      <a:lvl2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2pPr>
      <a:lvl3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3pPr>
      <a:lvl4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4pPr>
      <a:lvl5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5pPr>
      <a:lvl6pPr marL="4572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6pPr>
      <a:lvl7pPr marL="9144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7pPr>
      <a:lvl8pPr marL="13716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8pPr>
      <a:lvl9pPr marL="18288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9pPr>
    </p:titleStyle>
    <p:bodyStyle>
      <a:lvl1pPr marL="0" indent="0" algn="l" rtl="0" eaLnBrk="1" fontAlgn="base" hangingPunct="1">
        <a:lnSpc>
          <a:spcPct val="90000"/>
        </a:lnSpc>
        <a:spcBef>
          <a:spcPts val="1000"/>
        </a:spcBef>
        <a:spcAft>
          <a:spcPct val="0"/>
        </a:spcAft>
        <a:buClr>
          <a:schemeClr val="accent5"/>
        </a:buClr>
        <a:buFont typeface="Arial" panose="020B0604020202020204" pitchFamily="34" charset="0"/>
        <a:buNone/>
        <a:defRPr sz="1800" b="0" i="0" kern="1200">
          <a:solidFill>
            <a:schemeClr val="tx2"/>
          </a:solidFill>
          <a:latin typeface="+mn-lt"/>
          <a:ea typeface="+mn-ea"/>
          <a:cs typeface="+mn-cs"/>
        </a:defRPr>
      </a:lvl1pPr>
      <a:lvl2pPr marL="457200" indent="0" algn="l" rtl="0" eaLnBrk="1" fontAlgn="base" hangingPunct="1">
        <a:lnSpc>
          <a:spcPct val="90000"/>
        </a:lnSpc>
        <a:spcBef>
          <a:spcPts val="500"/>
        </a:spcBef>
        <a:spcAft>
          <a:spcPct val="0"/>
        </a:spcAft>
        <a:buClr>
          <a:schemeClr val="accent5"/>
        </a:buClr>
        <a:buFont typeface="Arial" panose="020B0604020202020204" pitchFamily="34" charset="0"/>
        <a:buNone/>
        <a:defRPr sz="2000" kern="1200">
          <a:solidFill>
            <a:schemeClr val="tx2"/>
          </a:solidFill>
          <a:latin typeface="Nunito" pitchFamily="2" charset="77"/>
          <a:ea typeface="+mn-ea"/>
          <a:cs typeface="+mn-cs"/>
        </a:defRPr>
      </a:lvl2pPr>
      <a:lvl3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800" kern="1200">
          <a:solidFill>
            <a:schemeClr val="tx2"/>
          </a:solidFill>
          <a:latin typeface="Nunito" pitchFamily="2" charset="77"/>
          <a:ea typeface="+mn-ea"/>
          <a:cs typeface="+mn-cs"/>
        </a:defRPr>
      </a:lvl3pPr>
      <a:lvl4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tx2"/>
          </a:solidFill>
          <a:latin typeface="Nunito" pitchFamily="2" charset="77"/>
          <a:ea typeface="+mn-ea"/>
          <a:cs typeface="+mn-cs"/>
        </a:defRPr>
      </a:lvl4pPr>
      <a:lvl5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tx2"/>
          </a:solidFill>
          <a:latin typeface="Nunito" pitchFamily="2" charset="77"/>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04" userDrawn="1">
          <p15:clr>
            <a:srgbClr val="F26B43"/>
          </p15:clr>
        </p15:guide>
        <p15:guide id="2" pos="336" userDrawn="1">
          <p15:clr>
            <a:srgbClr val="F26B43"/>
          </p15:clr>
        </p15:guide>
        <p15:guide id="3" orient="horz" pos="720" userDrawn="1">
          <p15:clr>
            <a:srgbClr val="F26B43"/>
          </p15:clr>
        </p15:guide>
        <p15:guide id="4" orient="horz" pos="984" userDrawn="1">
          <p15:clr>
            <a:srgbClr val="F26B43"/>
          </p15:clr>
        </p15:guide>
        <p15:guide id="5" pos="7368" userDrawn="1">
          <p15:clr>
            <a:srgbClr val="F26B43"/>
          </p15:clr>
        </p15:guide>
        <p15:guide id="6" orient="horz" pos="1152"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8" name="Marcador de texto 2">
            <a:extLst>
              <a:ext uri="{FF2B5EF4-FFF2-40B4-BE49-F238E27FC236}">
                <a16:creationId xmlns:a16="http://schemas.microsoft.com/office/drawing/2014/main" id="{77325EC9-8524-4543-AB78-A21C2FF5D392}"/>
              </a:ext>
            </a:extLst>
          </p:cNvPr>
          <p:cNvSpPr>
            <a:spLocks noGrp="1" noChangeArrowheads="1"/>
          </p:cNvSpPr>
          <p:nvPr>
            <p:ph type="body" idx="1"/>
          </p:nvPr>
        </p:nvSpPr>
        <p:spPr bwMode="auto">
          <a:xfrm>
            <a:off x="545275" y="1840675"/>
            <a:ext cx="11151425"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p>
            <a:pPr lvl="0"/>
            <a:r>
              <a:rPr lang="es-MX" altLang="es-MX"/>
              <a:t>Haga clic para modificar los estilos de texto del patrón</a:t>
            </a:r>
          </a:p>
          <a:p>
            <a:pPr lvl="1"/>
            <a:r>
              <a:rPr lang="es-MX" altLang="es-MX"/>
              <a:t>Segundo nivel</a:t>
            </a:r>
          </a:p>
          <a:p>
            <a:pPr lvl="2"/>
            <a:r>
              <a:rPr lang="es-MX" altLang="es-MX"/>
              <a:t>Tercer nivel</a:t>
            </a:r>
          </a:p>
          <a:p>
            <a:pPr lvl="3"/>
            <a:r>
              <a:rPr lang="es-MX" altLang="es-MX"/>
              <a:t>Cuarto nivel</a:t>
            </a:r>
          </a:p>
          <a:p>
            <a:pPr lvl="4"/>
            <a:r>
              <a:rPr lang="es-MX" altLang="es-MX"/>
              <a:t>Quinto nivel</a:t>
            </a:r>
          </a:p>
        </p:txBody>
      </p:sp>
      <p:sp>
        <p:nvSpPr>
          <p:cNvPr id="2" name="Title Placeholder 1">
            <a:extLst>
              <a:ext uri="{FF2B5EF4-FFF2-40B4-BE49-F238E27FC236}">
                <a16:creationId xmlns:a16="http://schemas.microsoft.com/office/drawing/2014/main" id="{6C5B78DE-FF67-9F9D-DD04-604E9E564BB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endParaRPr lang="en-US"/>
          </a:p>
        </p:txBody>
      </p:sp>
      <p:sp>
        <p:nvSpPr>
          <p:cNvPr id="4" name="Rectangle 3">
            <a:extLst>
              <a:ext uri="{FF2B5EF4-FFF2-40B4-BE49-F238E27FC236}">
                <a16:creationId xmlns:a16="http://schemas.microsoft.com/office/drawing/2014/main" id="{8D1778F0-2B28-125F-20E5-004B297E577D}"/>
              </a:ext>
            </a:extLst>
          </p:cNvPr>
          <p:cNvSpPr/>
          <p:nvPr userDrawn="1"/>
        </p:nvSpPr>
        <p:spPr>
          <a:xfrm>
            <a:off x="0" y="5985164"/>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Graphic 5">
            <a:extLst>
              <a:ext uri="{FF2B5EF4-FFF2-40B4-BE49-F238E27FC236}">
                <a16:creationId xmlns:a16="http://schemas.microsoft.com/office/drawing/2014/main" id="{2ABF5F66-4973-3D3A-5535-946319F30ACC}"/>
              </a:ext>
            </a:extLst>
          </p:cNvPr>
          <p:cNvPicPr>
            <a:picLocks noChangeAspect="1"/>
          </p:cNvPicPr>
          <p:nvPr userDrawn="1"/>
        </p:nvPicPr>
        <p:blipFill>
          <a:blip r:embed="rId15">
            <a:extLst>
              <a:ext uri="{96DAC541-7B7A-43D3-8B79-37D633B846F1}">
                <asvg:svgBlip xmlns:asvg="http://schemas.microsoft.com/office/drawing/2016/SVG/main" r:embed="rId16"/>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391589598"/>
      </p:ext>
    </p:extLst>
  </p:cSld>
  <p:clrMap bg1="lt1" tx1="dk1" bg2="lt2" tx2="dk2" accent1="accent1" accent2="accent2" accent3="accent3" accent4="accent4" accent5="accent5" accent6="accent6" hlink="hlink" folHlink="folHlink"/>
  <p:sldLayoutIdLst>
    <p:sldLayoutId id="2147483809" r:id="rId1"/>
    <p:sldLayoutId id="2147483810" r:id="rId2"/>
    <p:sldLayoutId id="2147483811" r:id="rId3"/>
    <p:sldLayoutId id="2147483812" r:id="rId4"/>
    <p:sldLayoutId id="2147483818" r:id="rId5"/>
    <p:sldLayoutId id="2147483813" r:id="rId6"/>
    <p:sldLayoutId id="2147483814" r:id="rId7"/>
    <p:sldLayoutId id="2147483821" r:id="rId8"/>
    <p:sldLayoutId id="2147483822" r:id="rId9"/>
    <p:sldLayoutId id="2147483819" r:id="rId10"/>
    <p:sldLayoutId id="2147483820" r:id="rId11"/>
    <p:sldLayoutId id="2147483815" r:id="rId12"/>
    <p:sldLayoutId id="2147483816" r:id="rId13"/>
  </p:sldLayoutIdLst>
  <p:txStyles>
    <p:titleStyle>
      <a:lvl1pPr algn="l" rtl="0" eaLnBrk="1" fontAlgn="base" hangingPunct="1">
        <a:lnSpc>
          <a:spcPct val="85000"/>
        </a:lnSpc>
        <a:spcBef>
          <a:spcPct val="0"/>
        </a:spcBef>
        <a:spcAft>
          <a:spcPct val="0"/>
        </a:spcAft>
        <a:defRPr sz="3200" b="1" i="0" kern="1200">
          <a:solidFill>
            <a:srgbClr val="353750"/>
          </a:solidFill>
          <a:latin typeface="+mj-lt"/>
          <a:ea typeface="+mj-ea"/>
          <a:cs typeface="Martel" pitchFamily="2" charset="77"/>
        </a:defRPr>
      </a:lvl1pPr>
      <a:lvl2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2pPr>
      <a:lvl3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3pPr>
      <a:lvl4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4pPr>
      <a:lvl5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5pPr>
      <a:lvl6pPr marL="4572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6pPr>
      <a:lvl7pPr marL="9144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7pPr>
      <a:lvl8pPr marL="13716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8pPr>
      <a:lvl9pPr marL="18288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9pPr>
    </p:titleStyle>
    <p:bodyStyle>
      <a:lvl1pPr marL="0" indent="0" algn="l" rtl="0" eaLnBrk="1" fontAlgn="base" hangingPunct="1">
        <a:lnSpc>
          <a:spcPct val="90000"/>
        </a:lnSpc>
        <a:spcBef>
          <a:spcPts val="1000"/>
        </a:spcBef>
        <a:spcAft>
          <a:spcPct val="0"/>
        </a:spcAft>
        <a:buClr>
          <a:schemeClr val="accent5"/>
        </a:buClr>
        <a:buFont typeface="Arial" panose="020B0604020202020204" pitchFamily="34" charset="0"/>
        <a:buNone/>
        <a:defRPr sz="1800" b="0" i="0" kern="1200">
          <a:solidFill>
            <a:schemeClr val="tx2"/>
          </a:solidFill>
          <a:latin typeface="+mn-lt"/>
          <a:ea typeface="+mn-ea"/>
          <a:cs typeface="+mn-cs"/>
        </a:defRPr>
      </a:lvl1pPr>
      <a:lvl2pPr marL="457200" indent="0" algn="l" rtl="0" eaLnBrk="1" fontAlgn="base" hangingPunct="1">
        <a:lnSpc>
          <a:spcPct val="90000"/>
        </a:lnSpc>
        <a:spcBef>
          <a:spcPts val="500"/>
        </a:spcBef>
        <a:spcAft>
          <a:spcPct val="0"/>
        </a:spcAft>
        <a:buClr>
          <a:schemeClr val="accent5"/>
        </a:buClr>
        <a:buFont typeface="Arial" panose="020B0604020202020204" pitchFamily="34" charset="0"/>
        <a:buNone/>
        <a:defRPr sz="2000" kern="1200">
          <a:solidFill>
            <a:schemeClr val="tx2"/>
          </a:solidFill>
          <a:latin typeface="Nunito" pitchFamily="2" charset="77"/>
          <a:ea typeface="+mn-ea"/>
          <a:cs typeface="+mn-cs"/>
        </a:defRPr>
      </a:lvl2pPr>
      <a:lvl3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800" kern="1200">
          <a:solidFill>
            <a:schemeClr val="tx2"/>
          </a:solidFill>
          <a:latin typeface="Nunito" pitchFamily="2" charset="77"/>
          <a:ea typeface="+mn-ea"/>
          <a:cs typeface="+mn-cs"/>
        </a:defRPr>
      </a:lvl3pPr>
      <a:lvl4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tx2"/>
          </a:solidFill>
          <a:latin typeface="Nunito" pitchFamily="2" charset="77"/>
          <a:ea typeface="+mn-ea"/>
          <a:cs typeface="+mn-cs"/>
        </a:defRPr>
      </a:lvl4pPr>
      <a:lvl5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tx2"/>
          </a:solidFill>
          <a:latin typeface="Nunito" pitchFamily="2" charset="77"/>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04" userDrawn="1">
          <p15:clr>
            <a:srgbClr val="F26B43"/>
          </p15:clr>
        </p15:guide>
        <p15:guide id="2" pos="336" userDrawn="1">
          <p15:clr>
            <a:srgbClr val="F26B43"/>
          </p15:clr>
        </p15:guide>
        <p15:guide id="3" orient="horz" pos="720" userDrawn="1">
          <p15:clr>
            <a:srgbClr val="F26B43"/>
          </p15:clr>
        </p15:guide>
        <p15:guide id="4" orient="horz" pos="984" userDrawn="1">
          <p15:clr>
            <a:srgbClr val="F26B43"/>
          </p15:clr>
        </p15:guide>
        <p15:guide id="5" pos="7368" userDrawn="1">
          <p15:clr>
            <a:srgbClr val="F26B43"/>
          </p15:clr>
        </p15:guide>
        <p15:guide id="6" orient="horz" pos="1152"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8" name="Marcador de texto 2">
            <a:extLst>
              <a:ext uri="{FF2B5EF4-FFF2-40B4-BE49-F238E27FC236}">
                <a16:creationId xmlns:a16="http://schemas.microsoft.com/office/drawing/2014/main" id="{77325EC9-8524-4543-AB78-A21C2FF5D392}"/>
              </a:ext>
            </a:extLst>
          </p:cNvPr>
          <p:cNvSpPr>
            <a:spLocks noGrp="1" noChangeArrowheads="1"/>
          </p:cNvSpPr>
          <p:nvPr>
            <p:ph type="body" idx="1"/>
          </p:nvPr>
        </p:nvSpPr>
        <p:spPr bwMode="auto">
          <a:xfrm>
            <a:off x="545275" y="1840675"/>
            <a:ext cx="11151425"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p>
            <a:pPr lvl="0"/>
            <a:r>
              <a:rPr lang="es-MX" altLang="es-MX"/>
              <a:t>Haga clic para modificar los estilos de texto del patrón</a:t>
            </a:r>
          </a:p>
          <a:p>
            <a:pPr lvl="1"/>
            <a:r>
              <a:rPr lang="es-MX" altLang="es-MX"/>
              <a:t>Segundo nivel</a:t>
            </a:r>
          </a:p>
          <a:p>
            <a:pPr lvl="2"/>
            <a:r>
              <a:rPr lang="es-MX" altLang="es-MX"/>
              <a:t>Tercer nivel</a:t>
            </a:r>
          </a:p>
          <a:p>
            <a:pPr lvl="3"/>
            <a:r>
              <a:rPr lang="es-MX" altLang="es-MX"/>
              <a:t>Cuarto nivel</a:t>
            </a:r>
          </a:p>
          <a:p>
            <a:pPr lvl="4"/>
            <a:r>
              <a:rPr lang="es-MX" altLang="es-MX"/>
              <a:t>Quinto nivel</a:t>
            </a:r>
          </a:p>
        </p:txBody>
      </p:sp>
      <p:sp>
        <p:nvSpPr>
          <p:cNvPr id="9" name="Marcador de pie de página 8">
            <a:extLst>
              <a:ext uri="{FF2B5EF4-FFF2-40B4-BE49-F238E27FC236}">
                <a16:creationId xmlns:a16="http://schemas.microsoft.com/office/drawing/2014/main" id="{F2F041AB-27C6-8847-AF8F-365564C73EA3}"/>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
        <p:nvSpPr>
          <p:cNvPr id="2" name="Title Placeholder 1">
            <a:extLst>
              <a:ext uri="{FF2B5EF4-FFF2-40B4-BE49-F238E27FC236}">
                <a16:creationId xmlns:a16="http://schemas.microsoft.com/office/drawing/2014/main" id="{6C5B78DE-FF67-9F9D-DD04-604E9E564BB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r>
              <a:rPr lang="en-US"/>
              <a:t>Click to edit Master title style</a:t>
            </a:r>
          </a:p>
        </p:txBody>
      </p:sp>
      <p:pic>
        <p:nvPicPr>
          <p:cNvPr id="6" name="Graphic 7">
            <a:extLst>
              <a:ext uri="{FF2B5EF4-FFF2-40B4-BE49-F238E27FC236}">
                <a16:creationId xmlns:a16="http://schemas.microsoft.com/office/drawing/2014/main" id="{0FD71FA9-25BE-672B-DE78-72511781B592}"/>
              </a:ext>
            </a:extLst>
          </p:cNvPr>
          <p:cNvPicPr>
            <a:picLocks noChangeAspect="1"/>
          </p:cNvPicPr>
          <p:nvPr userDrawn="1"/>
        </p:nvPicPr>
        <p:blipFill>
          <a:blip r:embed="rId14">
            <a:extLst>
              <a:ext uri="{96DAC541-7B7A-43D3-8B79-37D633B846F1}">
                <asvg:svgBlip xmlns:asvg="http://schemas.microsoft.com/office/drawing/2016/SVG/main" r:embed="rId15"/>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145723162"/>
      </p:ext>
    </p:extLst>
  </p:cSld>
  <p:clrMap bg1="lt1" tx1="dk1" bg2="lt2" tx2="dk2" accent1="accent1" accent2="accent2" accent3="accent3" accent4="accent4" accent5="accent5" accent6="accent6" hlink="hlink" folHlink="folHlink"/>
  <p:sldLayoutIdLst>
    <p:sldLayoutId id="2147483733" r:id="rId1"/>
    <p:sldLayoutId id="2147483726" r:id="rId2"/>
    <p:sldLayoutId id="2147483734" r:id="rId3"/>
    <p:sldLayoutId id="2147483735" r:id="rId4"/>
    <p:sldLayoutId id="2147483736" r:id="rId5"/>
    <p:sldLayoutId id="2147483737" r:id="rId6"/>
    <p:sldLayoutId id="2147483728" r:id="rId7"/>
    <p:sldLayoutId id="2147483738" r:id="rId8"/>
    <p:sldLayoutId id="2147483739" r:id="rId9"/>
    <p:sldLayoutId id="2147483740" r:id="rId10"/>
    <p:sldLayoutId id="2147483729" r:id="rId11"/>
    <p:sldLayoutId id="2147483732" r:id="rId12"/>
  </p:sldLayoutIdLst>
  <p:txStyles>
    <p:titleStyle>
      <a:lvl1pPr algn="l" rtl="0" eaLnBrk="1" fontAlgn="base" hangingPunct="1">
        <a:lnSpc>
          <a:spcPct val="85000"/>
        </a:lnSpc>
        <a:spcBef>
          <a:spcPct val="0"/>
        </a:spcBef>
        <a:spcAft>
          <a:spcPct val="0"/>
        </a:spcAft>
        <a:defRPr sz="3200" b="1" i="0" kern="1200">
          <a:solidFill>
            <a:schemeClr val="bg1"/>
          </a:solidFill>
          <a:latin typeface="+mj-lt"/>
          <a:ea typeface="+mj-ea"/>
          <a:cs typeface="Martel" pitchFamily="2" charset="77"/>
        </a:defRPr>
      </a:lvl1pPr>
      <a:lvl2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2pPr>
      <a:lvl3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3pPr>
      <a:lvl4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4pPr>
      <a:lvl5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5pPr>
      <a:lvl6pPr marL="4572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6pPr>
      <a:lvl7pPr marL="9144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7pPr>
      <a:lvl8pPr marL="13716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8pPr>
      <a:lvl9pPr marL="18288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9pPr>
    </p:titleStyle>
    <p:bodyStyle>
      <a:lvl1pPr marL="0" indent="0" algn="l" rtl="0" eaLnBrk="1" fontAlgn="base" hangingPunct="1">
        <a:lnSpc>
          <a:spcPct val="90000"/>
        </a:lnSpc>
        <a:spcBef>
          <a:spcPts val="1000"/>
        </a:spcBef>
        <a:spcAft>
          <a:spcPct val="0"/>
        </a:spcAft>
        <a:buClr>
          <a:schemeClr val="accent5"/>
        </a:buClr>
        <a:buFont typeface="Arial" panose="020B0604020202020204" pitchFamily="34" charset="0"/>
        <a:buNone/>
        <a:defRPr sz="1800" b="0" i="0" kern="1200">
          <a:solidFill>
            <a:schemeClr val="bg1"/>
          </a:solidFill>
          <a:latin typeface="Nunito" pitchFamily="2" charset="77"/>
          <a:ea typeface="+mn-ea"/>
          <a:cs typeface="+mn-cs"/>
        </a:defRPr>
      </a:lvl1pPr>
      <a:lvl2pPr marL="457200" indent="0" algn="l" rtl="0" eaLnBrk="1" fontAlgn="base" hangingPunct="1">
        <a:lnSpc>
          <a:spcPct val="90000"/>
        </a:lnSpc>
        <a:spcBef>
          <a:spcPts val="500"/>
        </a:spcBef>
        <a:spcAft>
          <a:spcPct val="0"/>
        </a:spcAft>
        <a:buClr>
          <a:schemeClr val="accent5"/>
        </a:buClr>
        <a:buFont typeface="Arial" panose="020B0604020202020204" pitchFamily="34" charset="0"/>
        <a:buNone/>
        <a:defRPr sz="2000" kern="1200">
          <a:solidFill>
            <a:schemeClr val="bg1"/>
          </a:solidFill>
          <a:latin typeface="Nunito" pitchFamily="2" charset="77"/>
          <a:ea typeface="+mn-ea"/>
          <a:cs typeface="+mn-cs"/>
        </a:defRPr>
      </a:lvl2pPr>
      <a:lvl3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800" kern="1200">
          <a:solidFill>
            <a:schemeClr val="bg1"/>
          </a:solidFill>
          <a:latin typeface="Nunito" pitchFamily="2" charset="77"/>
          <a:ea typeface="+mn-ea"/>
          <a:cs typeface="+mn-cs"/>
        </a:defRPr>
      </a:lvl3pPr>
      <a:lvl4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4pPr>
      <a:lvl5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04" userDrawn="1">
          <p15:clr>
            <a:srgbClr val="F26B43"/>
          </p15:clr>
        </p15:guide>
        <p15:guide id="2" pos="336" userDrawn="1">
          <p15:clr>
            <a:srgbClr val="F26B43"/>
          </p15:clr>
        </p15:guide>
        <p15:guide id="3" orient="horz" pos="720" userDrawn="1">
          <p15:clr>
            <a:srgbClr val="F26B43"/>
          </p15:clr>
        </p15:guide>
        <p15:guide id="4" orient="horz" pos="984" userDrawn="1">
          <p15:clr>
            <a:srgbClr val="F26B43"/>
          </p15:clr>
        </p15:guide>
        <p15:guide id="5" pos="7368" userDrawn="1">
          <p15:clr>
            <a:srgbClr val="F26B43"/>
          </p15:clr>
        </p15:guide>
        <p15:guide id="6" orient="horz" pos="1152"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3EE53E-BC47-F3BE-E647-408E8D084456}"/>
              </a:ext>
            </a:extLst>
          </p:cNvPr>
          <p:cNvSpPr/>
          <p:nvPr userDrawn="1"/>
        </p:nvSpPr>
        <p:spPr>
          <a:xfrm>
            <a:off x="0" y="5985164"/>
            <a:ext cx="12192000" cy="87283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8" name="Marcador de texto 2">
            <a:extLst>
              <a:ext uri="{FF2B5EF4-FFF2-40B4-BE49-F238E27FC236}">
                <a16:creationId xmlns:a16="http://schemas.microsoft.com/office/drawing/2014/main" id="{77325EC9-8524-4543-AB78-A21C2FF5D392}"/>
              </a:ext>
            </a:extLst>
          </p:cNvPr>
          <p:cNvSpPr>
            <a:spLocks noGrp="1" noChangeArrowheads="1"/>
          </p:cNvSpPr>
          <p:nvPr>
            <p:ph type="body" idx="1"/>
          </p:nvPr>
        </p:nvSpPr>
        <p:spPr bwMode="auto">
          <a:xfrm>
            <a:off x="545275" y="1840675"/>
            <a:ext cx="11151425"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p>
            <a:pPr lvl="0"/>
            <a:r>
              <a:rPr lang="es-MX" altLang="es-MX"/>
              <a:t>Haga clic para modificar los estilos de texto del patrón</a:t>
            </a:r>
          </a:p>
          <a:p>
            <a:pPr lvl="1"/>
            <a:r>
              <a:rPr lang="es-MX" altLang="es-MX"/>
              <a:t>Segundo nivel</a:t>
            </a:r>
          </a:p>
          <a:p>
            <a:pPr lvl="2"/>
            <a:r>
              <a:rPr lang="es-MX" altLang="es-MX"/>
              <a:t>Tercer nivel</a:t>
            </a:r>
          </a:p>
          <a:p>
            <a:pPr lvl="3"/>
            <a:r>
              <a:rPr lang="es-MX" altLang="es-MX"/>
              <a:t>Cuarto nivel</a:t>
            </a:r>
          </a:p>
          <a:p>
            <a:pPr lvl="4"/>
            <a:r>
              <a:rPr lang="es-MX" altLang="es-MX"/>
              <a:t>Quinto nivel</a:t>
            </a:r>
          </a:p>
        </p:txBody>
      </p:sp>
      <p:sp>
        <p:nvSpPr>
          <p:cNvPr id="9" name="Marcador de pie de página 8">
            <a:extLst>
              <a:ext uri="{FF2B5EF4-FFF2-40B4-BE49-F238E27FC236}">
                <a16:creationId xmlns:a16="http://schemas.microsoft.com/office/drawing/2014/main" id="{F2F041AB-27C6-8847-AF8F-365564C73EA3}"/>
              </a:ext>
            </a:extLst>
          </p:cNvPr>
          <p:cNvSpPr>
            <a:spLocks noGrp="1"/>
          </p:cNvSpPr>
          <p:nvPr>
            <p:ph type="ftr" sz="quarter" idx="3"/>
          </p:nvPr>
        </p:nvSpPr>
        <p:spPr>
          <a:xfrm>
            <a:off x="545275" y="4407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
        <p:nvSpPr>
          <p:cNvPr id="2" name="Title Placeholder 1">
            <a:extLst>
              <a:ext uri="{FF2B5EF4-FFF2-40B4-BE49-F238E27FC236}">
                <a16:creationId xmlns:a16="http://schemas.microsoft.com/office/drawing/2014/main" id="{6C5B78DE-FF67-9F9D-DD04-604E9E564BB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r>
              <a:rPr lang="en-US"/>
              <a:t>Click to edit Master title style</a:t>
            </a:r>
          </a:p>
        </p:txBody>
      </p:sp>
      <p:sp>
        <p:nvSpPr>
          <p:cNvPr id="8" name="Rectangle 7">
            <a:extLst>
              <a:ext uri="{FF2B5EF4-FFF2-40B4-BE49-F238E27FC236}">
                <a16:creationId xmlns:a16="http://schemas.microsoft.com/office/drawing/2014/main" id="{F570357C-B965-3DB6-6BAF-1148CD1E6DD3}"/>
              </a:ext>
            </a:extLst>
          </p:cNvPr>
          <p:cNvSpPr/>
          <p:nvPr userDrawn="1"/>
        </p:nvSpPr>
        <p:spPr>
          <a:xfrm>
            <a:off x="0" y="5986591"/>
            <a:ext cx="12192000" cy="87283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Graphic 5">
            <a:extLst>
              <a:ext uri="{FF2B5EF4-FFF2-40B4-BE49-F238E27FC236}">
                <a16:creationId xmlns:a16="http://schemas.microsoft.com/office/drawing/2014/main" id="{05C76A11-D17B-023F-0812-61DADB56050B}"/>
              </a:ext>
            </a:extLst>
          </p:cNvPr>
          <p:cNvPicPr>
            <a:picLocks noChangeAspect="1"/>
          </p:cNvPicPr>
          <p:nvPr userDrawn="1"/>
        </p:nvPicPr>
        <p:blipFill>
          <a:blip r:embed="rId14">
            <a:extLst>
              <a:ext uri="{96DAC541-7B7A-43D3-8B79-37D633B846F1}">
                <asvg:svgBlip xmlns:asvg="http://schemas.microsoft.com/office/drawing/2016/SVG/main" r:embed="rId15"/>
              </a:ext>
            </a:extLst>
          </a:blip>
          <a:srcRect/>
          <a:stretch/>
        </p:blipFill>
        <p:spPr>
          <a:xfrm>
            <a:off x="3241047" y="6125595"/>
            <a:ext cx="8676626" cy="552521"/>
          </a:xfrm>
          <a:prstGeom prst="rect">
            <a:avLst/>
          </a:prstGeom>
        </p:spPr>
      </p:pic>
    </p:spTree>
    <p:extLst>
      <p:ext uri="{BB962C8B-B14F-4D97-AF65-F5344CB8AC3E}">
        <p14:creationId xmlns:p14="http://schemas.microsoft.com/office/powerpoint/2010/main" val="3655298949"/>
      </p:ext>
    </p:extLst>
  </p:cSld>
  <p:clrMap bg1="lt1" tx1="dk1" bg2="lt2" tx2="dk2" accent1="accent1" accent2="accent2" accent3="accent3" accent4="accent4" accent5="accent5" accent6="accent6" hlink="hlink" folHlink="folHlink"/>
  <p:sldLayoutIdLst>
    <p:sldLayoutId id="2147483825" r:id="rId1"/>
    <p:sldLayoutId id="2147483826" r:id="rId2"/>
    <p:sldLayoutId id="2147483827" r:id="rId3"/>
    <p:sldLayoutId id="2147483828" r:id="rId4"/>
    <p:sldLayoutId id="2147483829" r:id="rId5"/>
    <p:sldLayoutId id="2147483830" r:id="rId6"/>
    <p:sldLayoutId id="2147483831" r:id="rId7"/>
    <p:sldLayoutId id="2147483834" r:id="rId8"/>
    <p:sldLayoutId id="2147483832" r:id="rId9"/>
    <p:sldLayoutId id="2147483833" r:id="rId10"/>
    <p:sldLayoutId id="2147483835" r:id="rId11"/>
    <p:sldLayoutId id="2147483836" r:id="rId12"/>
  </p:sldLayoutIdLst>
  <p:txStyles>
    <p:titleStyle>
      <a:lvl1pPr algn="l" rtl="0" eaLnBrk="1" fontAlgn="base" hangingPunct="1">
        <a:lnSpc>
          <a:spcPct val="85000"/>
        </a:lnSpc>
        <a:spcBef>
          <a:spcPct val="0"/>
        </a:spcBef>
        <a:spcAft>
          <a:spcPct val="0"/>
        </a:spcAft>
        <a:defRPr sz="3200" b="1" i="0" kern="1200">
          <a:solidFill>
            <a:schemeClr val="bg1"/>
          </a:solidFill>
          <a:latin typeface="+mj-lt"/>
          <a:ea typeface="+mj-ea"/>
          <a:cs typeface="Martel" pitchFamily="2" charset="77"/>
        </a:defRPr>
      </a:lvl1pPr>
      <a:lvl2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2pPr>
      <a:lvl3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3pPr>
      <a:lvl4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4pPr>
      <a:lvl5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5pPr>
      <a:lvl6pPr marL="4572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6pPr>
      <a:lvl7pPr marL="9144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7pPr>
      <a:lvl8pPr marL="13716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8pPr>
      <a:lvl9pPr marL="18288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9pPr>
    </p:titleStyle>
    <p:bodyStyle>
      <a:lvl1pPr marL="0" indent="0" algn="l" rtl="0" eaLnBrk="1" fontAlgn="base" hangingPunct="1">
        <a:lnSpc>
          <a:spcPct val="90000"/>
        </a:lnSpc>
        <a:spcBef>
          <a:spcPts val="1000"/>
        </a:spcBef>
        <a:spcAft>
          <a:spcPct val="0"/>
        </a:spcAft>
        <a:buClr>
          <a:schemeClr val="accent5"/>
        </a:buClr>
        <a:buFont typeface="Arial" panose="020B0604020202020204" pitchFamily="34" charset="0"/>
        <a:buNone/>
        <a:defRPr sz="1800" b="0" i="0" kern="1200">
          <a:solidFill>
            <a:schemeClr val="bg1"/>
          </a:solidFill>
          <a:latin typeface="Nunito" pitchFamily="2" charset="77"/>
          <a:ea typeface="+mn-ea"/>
          <a:cs typeface="+mn-cs"/>
        </a:defRPr>
      </a:lvl1pPr>
      <a:lvl2pPr marL="457200" indent="0" algn="l" rtl="0" eaLnBrk="1" fontAlgn="base" hangingPunct="1">
        <a:lnSpc>
          <a:spcPct val="90000"/>
        </a:lnSpc>
        <a:spcBef>
          <a:spcPts val="500"/>
        </a:spcBef>
        <a:spcAft>
          <a:spcPct val="0"/>
        </a:spcAft>
        <a:buClr>
          <a:schemeClr val="accent5"/>
        </a:buClr>
        <a:buFont typeface="Arial" panose="020B0604020202020204" pitchFamily="34" charset="0"/>
        <a:buNone/>
        <a:defRPr sz="2000" kern="1200">
          <a:solidFill>
            <a:schemeClr val="bg1"/>
          </a:solidFill>
          <a:latin typeface="Nunito" pitchFamily="2" charset="77"/>
          <a:ea typeface="+mn-ea"/>
          <a:cs typeface="+mn-cs"/>
        </a:defRPr>
      </a:lvl2pPr>
      <a:lvl3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800" kern="1200">
          <a:solidFill>
            <a:schemeClr val="bg1"/>
          </a:solidFill>
          <a:latin typeface="Nunito" pitchFamily="2" charset="77"/>
          <a:ea typeface="+mn-ea"/>
          <a:cs typeface="+mn-cs"/>
        </a:defRPr>
      </a:lvl3pPr>
      <a:lvl4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4pPr>
      <a:lvl5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04" userDrawn="1">
          <p15:clr>
            <a:srgbClr val="F26B43"/>
          </p15:clr>
        </p15:guide>
        <p15:guide id="2" pos="336" userDrawn="1">
          <p15:clr>
            <a:srgbClr val="F26B43"/>
          </p15:clr>
        </p15:guide>
        <p15:guide id="3" orient="horz" pos="720" userDrawn="1">
          <p15:clr>
            <a:srgbClr val="F26B43"/>
          </p15:clr>
        </p15:guide>
        <p15:guide id="4" orient="horz" pos="984" userDrawn="1">
          <p15:clr>
            <a:srgbClr val="F26B43"/>
          </p15:clr>
        </p15:guide>
        <p15:guide id="5" pos="7368" userDrawn="1">
          <p15:clr>
            <a:srgbClr val="F26B43"/>
          </p15:clr>
        </p15:guide>
        <p15:guide id="6" orient="horz" pos="1152"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3EE53E-BC47-F3BE-E647-408E8D084456}"/>
              </a:ext>
            </a:extLst>
          </p:cNvPr>
          <p:cNvSpPr/>
          <p:nvPr userDrawn="1"/>
        </p:nvSpPr>
        <p:spPr>
          <a:xfrm>
            <a:off x="0" y="5985164"/>
            <a:ext cx="12192000" cy="87283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8" name="Marcador de texto 2">
            <a:extLst>
              <a:ext uri="{FF2B5EF4-FFF2-40B4-BE49-F238E27FC236}">
                <a16:creationId xmlns:a16="http://schemas.microsoft.com/office/drawing/2014/main" id="{77325EC9-8524-4543-AB78-A21C2FF5D392}"/>
              </a:ext>
            </a:extLst>
          </p:cNvPr>
          <p:cNvSpPr>
            <a:spLocks noGrp="1" noChangeArrowheads="1"/>
          </p:cNvSpPr>
          <p:nvPr>
            <p:ph type="body" idx="1"/>
          </p:nvPr>
        </p:nvSpPr>
        <p:spPr bwMode="auto">
          <a:xfrm>
            <a:off x="545275" y="1840675"/>
            <a:ext cx="11151425" cy="39069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91440" bIns="0" numCol="1" anchor="t" anchorCtr="0" compatLnSpc="1">
            <a:prstTxWarp prst="textNoShape">
              <a:avLst/>
            </a:prstTxWarp>
          </a:bodyPr>
          <a:lstStyle/>
          <a:p>
            <a:pPr lvl="0"/>
            <a:r>
              <a:rPr lang="es-MX" altLang="es-MX"/>
              <a:t>Haga clic para modificar los estilos de texto del patrón</a:t>
            </a:r>
          </a:p>
          <a:p>
            <a:pPr lvl="1"/>
            <a:r>
              <a:rPr lang="es-MX" altLang="es-MX"/>
              <a:t>Segundo nivel</a:t>
            </a:r>
          </a:p>
          <a:p>
            <a:pPr lvl="2"/>
            <a:r>
              <a:rPr lang="es-MX" altLang="es-MX"/>
              <a:t>Tercer nivel</a:t>
            </a:r>
          </a:p>
          <a:p>
            <a:pPr lvl="3"/>
            <a:r>
              <a:rPr lang="es-MX" altLang="es-MX"/>
              <a:t>Cuarto nivel</a:t>
            </a:r>
          </a:p>
          <a:p>
            <a:pPr lvl="4"/>
            <a:r>
              <a:rPr lang="es-MX" altLang="es-MX"/>
              <a:t>Quinto nivel</a:t>
            </a:r>
          </a:p>
        </p:txBody>
      </p:sp>
      <p:sp>
        <p:nvSpPr>
          <p:cNvPr id="9" name="Marcador de pie de página 8">
            <a:extLst>
              <a:ext uri="{FF2B5EF4-FFF2-40B4-BE49-F238E27FC236}">
                <a16:creationId xmlns:a16="http://schemas.microsoft.com/office/drawing/2014/main" id="{F2F041AB-27C6-8847-AF8F-365564C73EA3}"/>
              </a:ext>
            </a:extLst>
          </p:cNvPr>
          <p:cNvSpPr>
            <a:spLocks noGrp="1"/>
          </p:cNvSpPr>
          <p:nvPr>
            <p:ph type="ftr" sz="quarter" idx="3"/>
          </p:nvPr>
        </p:nvSpPr>
        <p:spPr>
          <a:xfrm>
            <a:off x="545275" y="466127"/>
            <a:ext cx="2934195" cy="365125"/>
          </a:xfrm>
          <a:prstGeom prst="rect">
            <a:avLst/>
          </a:prstGeom>
        </p:spPr>
        <p:txBody>
          <a:bodyPr vert="horz" lIns="0" tIns="45720" rIns="91440" bIns="45720" rtlCol="0" anchor="ctr"/>
          <a:lstStyle>
            <a:lvl1pPr algn="l" eaLnBrk="1" fontAlgn="auto" hangingPunct="1">
              <a:spcBef>
                <a:spcPts val="0"/>
              </a:spcBef>
              <a:spcAft>
                <a:spcPts val="0"/>
              </a:spcAft>
              <a:defRPr sz="1200" b="1" i="0" dirty="0">
                <a:solidFill>
                  <a:schemeClr val="accent1"/>
                </a:solidFill>
                <a:latin typeface="Nunito" pitchFamily="2" charset="77"/>
              </a:defRPr>
            </a:lvl1pPr>
          </a:lstStyle>
          <a:p>
            <a:pPr>
              <a:defRPr/>
            </a:pPr>
            <a:r>
              <a:rPr lang="es-MX"/>
              <a:t>Document/Section Title</a:t>
            </a:r>
          </a:p>
        </p:txBody>
      </p:sp>
      <p:sp>
        <p:nvSpPr>
          <p:cNvPr id="2" name="Title Placeholder 1">
            <a:extLst>
              <a:ext uri="{FF2B5EF4-FFF2-40B4-BE49-F238E27FC236}">
                <a16:creationId xmlns:a16="http://schemas.microsoft.com/office/drawing/2014/main" id="{6C5B78DE-FF67-9F9D-DD04-604E9E564BBA}"/>
              </a:ext>
            </a:extLst>
          </p:cNvPr>
          <p:cNvSpPr>
            <a:spLocks noGrp="1"/>
          </p:cNvSpPr>
          <p:nvPr>
            <p:ph type="title"/>
          </p:nvPr>
        </p:nvSpPr>
        <p:spPr>
          <a:xfrm>
            <a:off x="545275" y="833695"/>
            <a:ext cx="11151425" cy="737359"/>
          </a:xfrm>
          <a:prstGeom prst="rect">
            <a:avLst/>
          </a:prstGeom>
        </p:spPr>
        <p:txBody>
          <a:bodyPr vert="horz" lIns="0" tIns="0" rIns="0" bIns="0" rtlCol="0" anchor="t" anchorCtr="0">
            <a:noAutofit/>
          </a:bodyPr>
          <a:lstStyle/>
          <a:p>
            <a:r>
              <a:rPr lang="en-US"/>
              <a:t>Click to edit Master title style</a:t>
            </a:r>
          </a:p>
        </p:txBody>
      </p:sp>
      <p:pic>
        <p:nvPicPr>
          <p:cNvPr id="6" name="Graphic 7">
            <a:extLst>
              <a:ext uri="{FF2B5EF4-FFF2-40B4-BE49-F238E27FC236}">
                <a16:creationId xmlns:a16="http://schemas.microsoft.com/office/drawing/2014/main" id="{6741CBE7-138B-E495-702C-30F9D429AF34}"/>
              </a:ext>
            </a:extLst>
          </p:cNvPr>
          <p:cNvPicPr>
            <a:picLocks noChangeAspect="1"/>
          </p:cNvPicPr>
          <p:nvPr userDrawn="1"/>
        </p:nvPicPr>
        <p:blipFill>
          <a:blip r:embed="rId10">
            <a:extLst>
              <a:ext uri="{96DAC541-7B7A-43D3-8B79-37D633B846F1}">
                <asvg:svgBlip xmlns:asvg="http://schemas.microsoft.com/office/drawing/2016/SVG/main" r:embed="rId11"/>
              </a:ext>
            </a:extLst>
          </a:blip>
          <a:srcRect/>
          <a:stretch/>
        </p:blipFill>
        <p:spPr>
          <a:xfrm>
            <a:off x="3241040" y="6125595"/>
            <a:ext cx="8676641" cy="552521"/>
          </a:xfrm>
          <a:prstGeom prst="rect">
            <a:avLst/>
          </a:prstGeom>
        </p:spPr>
      </p:pic>
    </p:spTree>
    <p:extLst>
      <p:ext uri="{BB962C8B-B14F-4D97-AF65-F5344CB8AC3E}">
        <p14:creationId xmlns:p14="http://schemas.microsoft.com/office/powerpoint/2010/main" val="1991751796"/>
      </p:ext>
    </p:extLst>
  </p:cSld>
  <p:clrMap bg1="lt1" tx1="dk1" bg2="lt2" tx2="dk2" accent1="accent1" accent2="accent2" accent3="accent3" accent4="accent4" accent5="accent5" accent6="accent6" hlink="hlink" folHlink="folHlink"/>
  <p:sldLayoutIdLst>
    <p:sldLayoutId id="2147483787" r:id="rId1"/>
    <p:sldLayoutId id="2147483793" r:id="rId2"/>
    <p:sldLayoutId id="2147483794" r:id="rId3"/>
    <p:sldLayoutId id="2147483795" r:id="rId4"/>
    <p:sldLayoutId id="2147483817" r:id="rId5"/>
    <p:sldLayoutId id="2147483837" r:id="rId6"/>
    <p:sldLayoutId id="2147483838" r:id="rId7"/>
    <p:sldLayoutId id="2147483839" r:id="rId8"/>
  </p:sldLayoutIdLst>
  <p:txStyles>
    <p:titleStyle>
      <a:lvl1pPr algn="l" rtl="0" eaLnBrk="1" fontAlgn="base" hangingPunct="1">
        <a:lnSpc>
          <a:spcPct val="85000"/>
        </a:lnSpc>
        <a:spcBef>
          <a:spcPct val="0"/>
        </a:spcBef>
        <a:spcAft>
          <a:spcPct val="0"/>
        </a:spcAft>
        <a:defRPr sz="3200" b="1" i="0" kern="1200">
          <a:solidFill>
            <a:schemeClr val="bg1"/>
          </a:solidFill>
          <a:latin typeface="Lora SemiBold" pitchFamily="2" charset="77"/>
          <a:ea typeface="+mj-ea"/>
          <a:cs typeface="Martel" pitchFamily="2" charset="77"/>
        </a:defRPr>
      </a:lvl1pPr>
      <a:lvl2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2pPr>
      <a:lvl3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3pPr>
      <a:lvl4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4pPr>
      <a:lvl5pPr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5pPr>
      <a:lvl6pPr marL="4572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6pPr>
      <a:lvl7pPr marL="9144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7pPr>
      <a:lvl8pPr marL="13716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8pPr>
      <a:lvl9pPr marL="1828800" algn="l" rtl="0" eaLnBrk="1" fontAlgn="base" hangingPunct="1">
        <a:lnSpc>
          <a:spcPct val="90000"/>
        </a:lnSpc>
        <a:spcBef>
          <a:spcPct val="0"/>
        </a:spcBef>
        <a:spcAft>
          <a:spcPct val="0"/>
        </a:spcAft>
        <a:defRPr sz="3500">
          <a:solidFill>
            <a:srgbClr val="353750"/>
          </a:solidFill>
          <a:latin typeface="BentonSans Medium" panose="02000504020000020004" pitchFamily="2" charset="77"/>
        </a:defRPr>
      </a:lvl9pPr>
    </p:titleStyle>
    <p:bodyStyle>
      <a:lvl1pPr marL="0" indent="0" algn="l" rtl="0" eaLnBrk="1" fontAlgn="base" hangingPunct="1">
        <a:lnSpc>
          <a:spcPct val="90000"/>
        </a:lnSpc>
        <a:spcBef>
          <a:spcPts val="1000"/>
        </a:spcBef>
        <a:spcAft>
          <a:spcPct val="0"/>
        </a:spcAft>
        <a:buClr>
          <a:schemeClr val="accent5"/>
        </a:buClr>
        <a:buFont typeface="Arial" panose="020B0604020202020204" pitchFamily="34" charset="0"/>
        <a:buNone/>
        <a:defRPr sz="2400" b="1" i="0" kern="1200">
          <a:solidFill>
            <a:schemeClr val="bg1"/>
          </a:solidFill>
          <a:latin typeface="Lora SemiBold" pitchFamily="2" charset="77"/>
          <a:ea typeface="+mn-ea"/>
          <a:cs typeface="+mn-cs"/>
        </a:defRPr>
      </a:lvl1pPr>
      <a:lvl2pPr marL="457200" indent="0" algn="l" rtl="0" eaLnBrk="1" fontAlgn="base" hangingPunct="1">
        <a:lnSpc>
          <a:spcPct val="90000"/>
        </a:lnSpc>
        <a:spcBef>
          <a:spcPts val="500"/>
        </a:spcBef>
        <a:spcAft>
          <a:spcPct val="0"/>
        </a:spcAft>
        <a:buClr>
          <a:schemeClr val="accent5"/>
        </a:buClr>
        <a:buFont typeface="Arial" panose="020B0604020202020204" pitchFamily="34" charset="0"/>
        <a:buNone/>
        <a:defRPr sz="2000" kern="1200">
          <a:solidFill>
            <a:schemeClr val="bg1"/>
          </a:solidFill>
          <a:latin typeface="Nunito" pitchFamily="2" charset="77"/>
          <a:ea typeface="+mn-ea"/>
          <a:cs typeface="+mn-cs"/>
        </a:defRPr>
      </a:lvl2pPr>
      <a:lvl3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800" kern="1200">
          <a:solidFill>
            <a:schemeClr val="bg1"/>
          </a:solidFill>
          <a:latin typeface="Nunito" pitchFamily="2" charset="77"/>
          <a:ea typeface="+mn-ea"/>
          <a:cs typeface="+mn-cs"/>
        </a:defRPr>
      </a:lvl3pPr>
      <a:lvl4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4pPr>
      <a:lvl5pPr marL="1143000" indent="-168275" algn="l" rtl="0" eaLnBrk="1" fontAlgn="base" hangingPunct="1">
        <a:lnSpc>
          <a:spcPct val="90000"/>
        </a:lnSpc>
        <a:spcBef>
          <a:spcPts val="500"/>
        </a:spcBef>
        <a:spcAft>
          <a:spcPct val="0"/>
        </a:spcAft>
        <a:buClr>
          <a:schemeClr val="accent1"/>
        </a:buClr>
        <a:buFont typeface="Arial" panose="020B0604020202020204" pitchFamily="34" charset="0"/>
        <a:buChar char="•"/>
        <a:tabLst/>
        <a:defRPr sz="1600" kern="1200">
          <a:solidFill>
            <a:schemeClr val="bg1"/>
          </a:solidFill>
          <a:latin typeface="Nunito" pitchFamily="2" charset="77"/>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04">
          <p15:clr>
            <a:srgbClr val="F26B43"/>
          </p15:clr>
        </p15:guide>
        <p15:guide id="2" pos="336">
          <p15:clr>
            <a:srgbClr val="F26B43"/>
          </p15:clr>
        </p15:guide>
        <p15:guide id="3" orient="horz" pos="720">
          <p15:clr>
            <a:srgbClr val="F26B43"/>
          </p15:clr>
        </p15:guide>
        <p15:guide id="4" orient="horz" pos="984">
          <p15:clr>
            <a:srgbClr val="F26B43"/>
          </p15:clr>
        </p15:guide>
        <p15:guide id="5" pos="7368">
          <p15:clr>
            <a:srgbClr val="F26B43"/>
          </p15:clr>
        </p15:guide>
        <p15:guide id="6" orient="horz" pos="1152">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244BE0-37C4-91E4-AB5F-5606671EA2F3}"/>
              </a:ext>
            </a:extLst>
          </p:cNvPr>
          <p:cNvSpPr/>
          <p:nvPr userDrawn="1"/>
        </p:nvSpPr>
        <p:spPr>
          <a:xfrm>
            <a:off x="0" y="5933209"/>
            <a:ext cx="12192000" cy="924791"/>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 name="Graphic 3">
            <a:extLst>
              <a:ext uri="{FF2B5EF4-FFF2-40B4-BE49-F238E27FC236}">
                <a16:creationId xmlns:a16="http://schemas.microsoft.com/office/drawing/2014/main" id="{3E73FC6F-231F-987C-6E51-08FD6E005CF9}"/>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2291" t="-22848" r="1611" b="-12194"/>
          <a:stretch/>
        </p:blipFill>
        <p:spPr>
          <a:xfrm>
            <a:off x="0" y="1828799"/>
            <a:ext cx="12192000" cy="4603173"/>
          </a:xfrm>
          <a:prstGeom prst="rect">
            <a:avLst/>
          </a:prstGeom>
        </p:spPr>
      </p:pic>
      <p:pic>
        <p:nvPicPr>
          <p:cNvPr id="5" name="Graphic 2">
            <a:extLst>
              <a:ext uri="{FF2B5EF4-FFF2-40B4-BE49-F238E27FC236}">
                <a16:creationId xmlns:a16="http://schemas.microsoft.com/office/drawing/2014/main" id="{8ABD5BD3-6312-789B-5CE5-56A6F71311E2}"/>
              </a:ext>
            </a:extLst>
          </p:cNvPr>
          <p:cNvPicPr>
            <a:picLocks noChangeAspect="1"/>
          </p:cNvPicPr>
          <p:nvPr userDrawn="1"/>
        </p:nvPicPr>
        <p:blipFill>
          <a:blip r:embed="rId5">
            <a:extLst>
              <a:ext uri="{96DAC541-7B7A-43D3-8B79-37D633B846F1}">
                <asvg:svgBlip xmlns:asvg="http://schemas.microsoft.com/office/drawing/2016/SVG/main" r:embed="rId6"/>
              </a:ext>
            </a:extLst>
          </a:blip>
          <a:srcRect/>
          <a:stretch/>
        </p:blipFill>
        <p:spPr>
          <a:xfrm>
            <a:off x="2330175" y="1706880"/>
            <a:ext cx="7592611" cy="1117403"/>
          </a:xfrm>
          <a:prstGeom prst="rect">
            <a:avLst/>
          </a:prstGeom>
        </p:spPr>
      </p:pic>
      <p:sp>
        <p:nvSpPr>
          <p:cNvPr id="6" name="TextBox 4">
            <a:extLst>
              <a:ext uri="{FF2B5EF4-FFF2-40B4-BE49-F238E27FC236}">
                <a16:creationId xmlns:a16="http://schemas.microsoft.com/office/drawing/2014/main" id="{FE3F3A72-6E0E-A1B4-1C09-0D2D61C59F35}"/>
              </a:ext>
            </a:extLst>
          </p:cNvPr>
          <p:cNvSpPr txBox="1"/>
          <p:nvPr userDrawn="1"/>
        </p:nvSpPr>
        <p:spPr>
          <a:xfrm>
            <a:off x="2286000" y="2674620"/>
            <a:ext cx="7546340" cy="2000548"/>
          </a:xfrm>
          <a:prstGeom prst="rect">
            <a:avLst/>
          </a:prstGeom>
          <a:noFill/>
        </p:spPr>
        <p:txBody>
          <a:bodyPr wrap="square" rtlCol="0">
            <a:spAutoFit/>
          </a:bodyPr>
          <a:lstStyle/>
          <a:p>
            <a:pPr algn="ctr"/>
            <a:br>
              <a:rPr lang="en-US" sz="1400" b="0" i="0" kern="1200" spc="-10" baseline="0">
                <a:solidFill>
                  <a:schemeClr val="tx1"/>
                </a:solidFill>
                <a:effectLst/>
                <a:latin typeface="Nunito Light" pitchFamily="2" charset="77"/>
                <a:ea typeface="+mn-ea"/>
                <a:cs typeface="+mn-cs"/>
              </a:rPr>
            </a:br>
            <a:br>
              <a:rPr lang="en-US" sz="1400" b="0" i="0" kern="1200" spc="-10" baseline="0">
                <a:solidFill>
                  <a:schemeClr val="tx1"/>
                </a:solidFill>
                <a:effectLst/>
                <a:latin typeface="Nunito Light" pitchFamily="2" charset="77"/>
                <a:ea typeface="+mn-ea"/>
                <a:cs typeface="+mn-cs"/>
              </a:rPr>
            </a:br>
            <a:r>
              <a:rPr lang="en-US" sz="1600" b="0" i="0" kern="1200" spc="-10" baseline="0">
                <a:solidFill>
                  <a:schemeClr val="tx1"/>
                </a:solidFill>
                <a:effectLst/>
                <a:latin typeface="Nunito Light" pitchFamily="2" charset="77"/>
                <a:ea typeface="+mn-ea"/>
                <a:cs typeface="+mn-cs"/>
              </a:rPr>
              <a:t>Orbia is a company driven by a shared purpose: to advance life around the world.</a:t>
            </a:r>
          </a:p>
          <a:p>
            <a:pPr algn="ctr"/>
            <a:r>
              <a:rPr lang="en-US" sz="1600" b="0" i="0" kern="1200" spc="-10" baseline="0">
                <a:solidFill>
                  <a:schemeClr val="tx1"/>
                </a:solidFill>
                <a:effectLst/>
                <a:latin typeface="Nunito Light" pitchFamily="2" charset="77"/>
                <a:ea typeface="+mn-ea"/>
                <a:cs typeface="+mn-cs"/>
              </a:rPr>
              <a:t>The five Orbia business groups have a collective focus on expanding access to</a:t>
            </a:r>
          </a:p>
          <a:p>
            <a:pPr algn="ctr"/>
            <a:r>
              <a:rPr lang="en-US" sz="1600" b="0" i="0" kern="1200" spc="-10" baseline="0">
                <a:solidFill>
                  <a:schemeClr val="tx1"/>
                </a:solidFill>
                <a:effectLst/>
                <a:latin typeface="Nunito Light" pitchFamily="2" charset="77"/>
                <a:ea typeface="+mn-ea"/>
                <a:cs typeface="+mn-cs"/>
              </a:rPr>
              <a:t>health and wellness, reinventing the future of cities and homes, ensuring </a:t>
            </a:r>
            <a:br>
              <a:rPr lang="en-US" sz="1600" b="0" i="0" kern="1200" spc="-10" baseline="0">
                <a:solidFill>
                  <a:schemeClr val="tx1"/>
                </a:solidFill>
                <a:effectLst/>
                <a:latin typeface="Nunito Light" pitchFamily="2" charset="77"/>
                <a:ea typeface="+mn-ea"/>
                <a:cs typeface="+mn-cs"/>
              </a:rPr>
            </a:br>
            <a:r>
              <a:rPr lang="en-US" sz="1600" b="0" i="0" kern="1200" spc="-10" baseline="0">
                <a:solidFill>
                  <a:schemeClr val="tx1"/>
                </a:solidFill>
                <a:effectLst/>
                <a:latin typeface="Nunito Light" pitchFamily="2" charset="77"/>
                <a:ea typeface="+mn-ea"/>
                <a:cs typeface="+mn-cs"/>
              </a:rPr>
              <a:t>food and water security, connecting communities to information </a:t>
            </a:r>
            <a:br>
              <a:rPr lang="en-US" sz="1600" b="0" i="0" kern="1200" spc="-10" baseline="0">
                <a:solidFill>
                  <a:schemeClr val="tx1"/>
                </a:solidFill>
                <a:effectLst/>
                <a:latin typeface="Nunito Light" pitchFamily="2" charset="77"/>
                <a:ea typeface="+mn-ea"/>
                <a:cs typeface="+mn-cs"/>
              </a:rPr>
            </a:br>
            <a:r>
              <a:rPr lang="en-US" sz="1600" b="0" i="0" kern="1200" spc="-10" baseline="0">
                <a:solidFill>
                  <a:schemeClr val="tx1"/>
                </a:solidFill>
                <a:effectLst/>
                <a:latin typeface="Nunito Light" pitchFamily="2" charset="77"/>
                <a:ea typeface="+mn-ea"/>
                <a:cs typeface="+mn-cs"/>
              </a:rPr>
              <a:t>and accelerating a circular economy with basic and advanced </a:t>
            </a:r>
            <a:br>
              <a:rPr lang="en-US" sz="1600" b="0" i="0" kern="1200" spc="-10" baseline="0">
                <a:solidFill>
                  <a:schemeClr val="tx1"/>
                </a:solidFill>
                <a:effectLst/>
                <a:latin typeface="Nunito Light" pitchFamily="2" charset="77"/>
                <a:ea typeface="+mn-ea"/>
                <a:cs typeface="+mn-cs"/>
              </a:rPr>
            </a:br>
            <a:r>
              <a:rPr lang="en-US" sz="1600" b="0" i="0" kern="1200" spc="-10" baseline="0">
                <a:solidFill>
                  <a:schemeClr val="tx1"/>
                </a:solidFill>
                <a:effectLst/>
                <a:latin typeface="Nunito Light" pitchFamily="2" charset="77"/>
                <a:ea typeface="+mn-ea"/>
                <a:cs typeface="+mn-cs"/>
              </a:rPr>
              <a:t>materials, specialty products and innovative solutions.</a:t>
            </a:r>
            <a:endParaRPr lang="en-US" sz="1800" b="0" i="0" kern="1200" spc="-10" baseline="0">
              <a:solidFill>
                <a:schemeClr val="tx1"/>
              </a:solidFill>
              <a:effectLst/>
              <a:latin typeface="Nunito Light" pitchFamily="2" charset="77"/>
              <a:ea typeface="+mn-ea"/>
              <a:cs typeface="+mn-cs"/>
            </a:endParaRPr>
          </a:p>
        </p:txBody>
      </p:sp>
    </p:spTree>
    <p:extLst>
      <p:ext uri="{BB962C8B-B14F-4D97-AF65-F5344CB8AC3E}">
        <p14:creationId xmlns:p14="http://schemas.microsoft.com/office/powerpoint/2010/main" val="616041382"/>
      </p:ext>
    </p:extLst>
  </p:cSld>
  <p:clrMap bg1="lt1" tx1="dk1" bg2="lt2" tx2="dk2" accent1="accent1" accent2="accent2" accent3="accent3" accent4="accent4" accent5="accent5" accent6="accent6" hlink="hlink" folHlink="folHlink"/>
  <p:sldLayoutIdLst>
    <p:sldLayoutId id="2147483719" r:id="rId1"/>
  </p:sldLayoutIdLst>
  <p:txStyles>
    <p:titleStyle>
      <a:lvl1pPr algn="l" defTabSz="914400" rtl="0" eaLnBrk="1" latinLnBrk="0" hangingPunct="1">
        <a:lnSpc>
          <a:spcPct val="80000"/>
        </a:lnSpc>
        <a:spcBef>
          <a:spcPct val="0"/>
        </a:spcBef>
        <a:buNone/>
        <a:defRPr sz="4800" b="0" i="0" kern="1200">
          <a:solidFill>
            <a:schemeClr val="tx1"/>
          </a:solidFill>
          <a:latin typeface="FS Kim Medium" pitchFamily="82" charset="77"/>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984" userDrawn="1">
          <p15:clr>
            <a:srgbClr val="F26B43"/>
          </p15:clr>
        </p15:guide>
        <p15:guide id="2" pos="336" userDrawn="1">
          <p15:clr>
            <a:srgbClr val="F26B43"/>
          </p15:clr>
        </p15:guide>
        <p15:guide id="3" orient="horz" pos="576" userDrawn="1">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pic>
        <p:nvPicPr>
          <p:cNvPr id="2" name="Graphic 1">
            <a:extLst>
              <a:ext uri="{FF2B5EF4-FFF2-40B4-BE49-F238E27FC236}">
                <a16:creationId xmlns:a16="http://schemas.microsoft.com/office/drawing/2014/main" id="{FBB05D0A-CA55-F5AB-A8E0-41E9921A9B9B}"/>
              </a:ext>
            </a:extLst>
          </p:cNvPr>
          <p:cNvPicPr>
            <a:picLocks noChangeAspect="1"/>
          </p:cNvPicPr>
          <p:nvPr userDrawn="1"/>
        </p:nvPicPr>
        <p:blipFill rotWithShape="1">
          <a:blip r:embed="rId3">
            <a:extLst>
              <a:ext uri="{96DAC541-7B7A-43D3-8B79-37D633B846F1}">
                <asvg:svgBlip xmlns:asvg="http://schemas.microsoft.com/office/drawing/2016/SVG/main" r:embed="rId4"/>
              </a:ext>
            </a:extLst>
          </a:blip>
          <a:srcRect l="1689" t="-4684" r="1295" b="1378"/>
          <a:stretch/>
        </p:blipFill>
        <p:spPr>
          <a:xfrm>
            <a:off x="0" y="3687070"/>
            <a:ext cx="12192000" cy="2286001"/>
          </a:xfrm>
          <a:prstGeom prst="rect">
            <a:avLst/>
          </a:prstGeom>
        </p:spPr>
      </p:pic>
      <p:sp>
        <p:nvSpPr>
          <p:cNvPr id="4" name="Rectangle 3">
            <a:extLst>
              <a:ext uri="{FF2B5EF4-FFF2-40B4-BE49-F238E27FC236}">
                <a16:creationId xmlns:a16="http://schemas.microsoft.com/office/drawing/2014/main" id="{C2077543-724E-797D-E1A3-0EC1D712C246}"/>
              </a:ext>
            </a:extLst>
          </p:cNvPr>
          <p:cNvSpPr/>
          <p:nvPr userDrawn="1"/>
        </p:nvSpPr>
        <p:spPr>
          <a:xfrm>
            <a:off x="0" y="5933209"/>
            <a:ext cx="12192000" cy="924791"/>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Graphic 2">
            <a:extLst>
              <a:ext uri="{FF2B5EF4-FFF2-40B4-BE49-F238E27FC236}">
                <a16:creationId xmlns:a16="http://schemas.microsoft.com/office/drawing/2014/main" id="{78F34B6D-8EA7-8634-D966-6D293130E5A0}"/>
              </a:ext>
            </a:extLst>
          </p:cNvPr>
          <p:cNvPicPr>
            <a:picLocks noChangeAspect="1"/>
          </p:cNvPicPr>
          <p:nvPr userDrawn="1"/>
        </p:nvPicPr>
        <p:blipFill>
          <a:blip r:embed="rId5">
            <a:extLst>
              <a:ext uri="{96DAC541-7B7A-43D3-8B79-37D633B846F1}">
                <asvg:svgBlip xmlns:asvg="http://schemas.microsoft.com/office/drawing/2016/SVG/main" r:embed="rId6"/>
              </a:ext>
            </a:extLst>
          </a:blip>
          <a:srcRect/>
          <a:stretch/>
        </p:blipFill>
        <p:spPr>
          <a:xfrm>
            <a:off x="2330175" y="1706880"/>
            <a:ext cx="7592610" cy="1117403"/>
          </a:xfrm>
          <a:prstGeom prst="rect">
            <a:avLst/>
          </a:prstGeom>
        </p:spPr>
      </p:pic>
      <p:sp>
        <p:nvSpPr>
          <p:cNvPr id="6" name="TextBox 4">
            <a:extLst>
              <a:ext uri="{FF2B5EF4-FFF2-40B4-BE49-F238E27FC236}">
                <a16:creationId xmlns:a16="http://schemas.microsoft.com/office/drawing/2014/main" id="{F2AB15B4-60C4-E072-DD4C-6352090D8CC4}"/>
              </a:ext>
            </a:extLst>
          </p:cNvPr>
          <p:cNvSpPr txBox="1"/>
          <p:nvPr userDrawn="1"/>
        </p:nvSpPr>
        <p:spPr>
          <a:xfrm>
            <a:off x="2286000" y="2674620"/>
            <a:ext cx="7546340" cy="2000548"/>
          </a:xfrm>
          <a:prstGeom prst="rect">
            <a:avLst/>
          </a:prstGeom>
          <a:noFill/>
        </p:spPr>
        <p:txBody>
          <a:bodyPr wrap="square" rtlCol="0">
            <a:spAutoFit/>
          </a:bodyPr>
          <a:lstStyle/>
          <a:p>
            <a:pPr algn="ctr"/>
            <a:br>
              <a:rPr lang="en-US" sz="1400" b="0" i="0" kern="1200" spc="-10" baseline="0">
                <a:solidFill>
                  <a:schemeClr val="bg1"/>
                </a:solidFill>
                <a:effectLst/>
                <a:latin typeface="Nunito Light" pitchFamily="2" charset="77"/>
                <a:ea typeface="+mn-ea"/>
                <a:cs typeface="+mn-cs"/>
              </a:rPr>
            </a:br>
            <a:br>
              <a:rPr lang="en-US" sz="1400" b="0" i="0" kern="1200" spc="-10" baseline="0">
                <a:solidFill>
                  <a:schemeClr val="bg1"/>
                </a:solidFill>
                <a:effectLst/>
                <a:latin typeface="Nunito Light" pitchFamily="2" charset="77"/>
                <a:ea typeface="+mn-ea"/>
                <a:cs typeface="+mn-cs"/>
              </a:rPr>
            </a:br>
            <a:r>
              <a:rPr lang="en-US" sz="1600" b="0" i="0" kern="1200" spc="-10" baseline="0">
                <a:solidFill>
                  <a:schemeClr val="bg1"/>
                </a:solidFill>
                <a:effectLst/>
                <a:latin typeface="Nunito Light" pitchFamily="2" charset="77"/>
                <a:ea typeface="+mn-ea"/>
                <a:cs typeface="+mn-cs"/>
              </a:rPr>
              <a:t>Orbia is a company driven by a shared purpose: to advance life around the world.</a:t>
            </a:r>
          </a:p>
          <a:p>
            <a:pPr algn="ctr"/>
            <a:r>
              <a:rPr lang="en-US" sz="1600" b="0" i="0" kern="1200" spc="-10" baseline="0">
                <a:solidFill>
                  <a:schemeClr val="bg1"/>
                </a:solidFill>
                <a:effectLst/>
                <a:latin typeface="Nunito Light" pitchFamily="2" charset="77"/>
                <a:ea typeface="+mn-ea"/>
                <a:cs typeface="+mn-cs"/>
              </a:rPr>
              <a:t>The five Orbia business groups have a collective focus on expanding access to</a:t>
            </a:r>
          </a:p>
          <a:p>
            <a:pPr algn="ctr"/>
            <a:r>
              <a:rPr lang="en-US" sz="1600" b="0" i="0" kern="1200" spc="-10" baseline="0">
                <a:solidFill>
                  <a:schemeClr val="bg1"/>
                </a:solidFill>
                <a:effectLst/>
                <a:latin typeface="Nunito Light" pitchFamily="2" charset="77"/>
                <a:ea typeface="+mn-ea"/>
                <a:cs typeface="+mn-cs"/>
              </a:rPr>
              <a:t>health and wellness, reinventing the future of cities and homes, ensuring </a:t>
            </a:r>
            <a:br>
              <a:rPr lang="en-US" sz="1600" b="0" i="0" kern="1200" spc="-10" baseline="0">
                <a:solidFill>
                  <a:schemeClr val="bg1"/>
                </a:solidFill>
                <a:effectLst/>
                <a:latin typeface="Nunito Light" pitchFamily="2" charset="77"/>
                <a:ea typeface="+mn-ea"/>
                <a:cs typeface="+mn-cs"/>
              </a:rPr>
            </a:br>
            <a:r>
              <a:rPr lang="en-US" sz="1600" b="0" i="0" kern="1200" spc="-10" baseline="0">
                <a:solidFill>
                  <a:schemeClr val="bg1"/>
                </a:solidFill>
                <a:effectLst/>
                <a:latin typeface="Nunito Light" pitchFamily="2" charset="77"/>
                <a:ea typeface="+mn-ea"/>
                <a:cs typeface="+mn-cs"/>
              </a:rPr>
              <a:t>food and water security, connecting communities to information </a:t>
            </a:r>
            <a:br>
              <a:rPr lang="en-US" sz="1600" b="0" i="0" kern="1200" spc="-10" baseline="0">
                <a:solidFill>
                  <a:schemeClr val="bg1"/>
                </a:solidFill>
                <a:effectLst/>
                <a:latin typeface="Nunito Light" pitchFamily="2" charset="77"/>
                <a:ea typeface="+mn-ea"/>
                <a:cs typeface="+mn-cs"/>
              </a:rPr>
            </a:br>
            <a:r>
              <a:rPr lang="en-US" sz="1600" b="0" i="0" kern="1200" spc="-10" baseline="0">
                <a:solidFill>
                  <a:schemeClr val="bg1"/>
                </a:solidFill>
                <a:effectLst/>
                <a:latin typeface="Nunito Light" pitchFamily="2" charset="77"/>
                <a:ea typeface="+mn-ea"/>
                <a:cs typeface="+mn-cs"/>
              </a:rPr>
              <a:t>and accelerating a circular economy with basic and advanced </a:t>
            </a:r>
            <a:br>
              <a:rPr lang="en-US" sz="1600" b="0" i="0" kern="1200" spc="-10" baseline="0">
                <a:solidFill>
                  <a:schemeClr val="bg1"/>
                </a:solidFill>
                <a:effectLst/>
                <a:latin typeface="Nunito Light" pitchFamily="2" charset="77"/>
                <a:ea typeface="+mn-ea"/>
                <a:cs typeface="+mn-cs"/>
              </a:rPr>
            </a:br>
            <a:r>
              <a:rPr lang="en-US" sz="1600" b="0" i="0" kern="1200" spc="-10" baseline="0">
                <a:solidFill>
                  <a:schemeClr val="bg1"/>
                </a:solidFill>
                <a:effectLst/>
                <a:latin typeface="Nunito Light" pitchFamily="2" charset="77"/>
                <a:ea typeface="+mn-ea"/>
                <a:cs typeface="+mn-cs"/>
              </a:rPr>
              <a:t>materials, specialty products and innovative solutions.</a:t>
            </a:r>
            <a:endParaRPr lang="en-US" sz="1800" b="0" i="0" kern="1200" spc="-10" baseline="0">
              <a:solidFill>
                <a:schemeClr val="bg1"/>
              </a:solidFill>
              <a:effectLst/>
              <a:latin typeface="Nunito Light" pitchFamily="2" charset="77"/>
              <a:ea typeface="+mn-ea"/>
              <a:cs typeface="+mn-cs"/>
            </a:endParaRPr>
          </a:p>
        </p:txBody>
      </p:sp>
    </p:spTree>
    <p:extLst>
      <p:ext uri="{BB962C8B-B14F-4D97-AF65-F5344CB8AC3E}">
        <p14:creationId xmlns:p14="http://schemas.microsoft.com/office/powerpoint/2010/main" val="3486091697"/>
      </p:ext>
    </p:extLst>
  </p:cSld>
  <p:clrMap bg1="lt1" tx1="dk1" bg2="lt2" tx2="dk2" accent1="accent1" accent2="accent2" accent3="accent3" accent4="accent4" accent5="accent5" accent6="accent6" hlink="hlink" folHlink="folHlink"/>
  <p:sldLayoutIdLst>
    <p:sldLayoutId id="2147483755" r:id="rId1"/>
  </p:sldLayoutIdLst>
  <p:txStyles>
    <p:titleStyle>
      <a:lvl1pPr algn="l" defTabSz="914400" rtl="0" eaLnBrk="1" latinLnBrk="0" hangingPunct="1">
        <a:lnSpc>
          <a:spcPct val="80000"/>
        </a:lnSpc>
        <a:spcBef>
          <a:spcPct val="0"/>
        </a:spcBef>
        <a:buNone/>
        <a:defRPr sz="4800" b="0" i="0" kern="1200">
          <a:solidFill>
            <a:schemeClr val="tx1"/>
          </a:solidFill>
          <a:latin typeface="FS Kim Medium" pitchFamily="82" charset="77"/>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984" userDrawn="1">
          <p15:clr>
            <a:srgbClr val="F26B43"/>
          </p15:clr>
        </p15:guide>
        <p15:guide id="2" pos="336" userDrawn="1">
          <p15:clr>
            <a:srgbClr val="F26B43"/>
          </p15:clr>
        </p15:guide>
        <p15:guide id="3" orient="horz" pos="57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4" Type="http://schemas.openxmlformats.org/officeDocument/2006/relationships/slideLayout" Target="../slideLayouts/slideLayout2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Freeform: Shape 32" hidden="1">
            <a:extLst>
              <a:ext uri="{FF2B5EF4-FFF2-40B4-BE49-F238E27FC236}">
                <a16:creationId xmlns:a16="http://schemas.microsoft.com/office/drawing/2014/main" id="{DAB8D380-2BBA-818E-97B0-B0C9A18BA986}"/>
              </a:ext>
            </a:extLst>
          </p:cNvPr>
          <p:cNvSpPr/>
          <p:nvPr/>
        </p:nvSpPr>
        <p:spPr>
          <a:xfrm>
            <a:off x="2518849" y="1784146"/>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34" name="Freeform: Shape 33" hidden="1">
            <a:extLst>
              <a:ext uri="{FF2B5EF4-FFF2-40B4-BE49-F238E27FC236}">
                <a16:creationId xmlns:a16="http://schemas.microsoft.com/office/drawing/2014/main" id="{764C8BFD-77FD-4E18-30BD-570249904463}"/>
              </a:ext>
            </a:extLst>
          </p:cNvPr>
          <p:cNvSpPr/>
          <p:nvPr/>
        </p:nvSpPr>
        <p:spPr>
          <a:xfrm>
            <a:off x="2572138" y="1854262"/>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36" name="Freeform: Shape 35" hidden="1">
            <a:extLst>
              <a:ext uri="{FF2B5EF4-FFF2-40B4-BE49-F238E27FC236}">
                <a16:creationId xmlns:a16="http://schemas.microsoft.com/office/drawing/2014/main" id="{CEB3BD99-D376-86C7-AE44-F4E585B135CF}"/>
              </a:ext>
            </a:extLst>
          </p:cNvPr>
          <p:cNvSpPr/>
          <p:nvPr/>
        </p:nvSpPr>
        <p:spPr>
          <a:xfrm>
            <a:off x="2498577" y="2266793"/>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37" name="Freeform: Shape 36" hidden="1">
            <a:extLst>
              <a:ext uri="{FF2B5EF4-FFF2-40B4-BE49-F238E27FC236}">
                <a16:creationId xmlns:a16="http://schemas.microsoft.com/office/drawing/2014/main" id="{76A8E3E6-5DA2-5EA8-6C37-22C139E5F705}"/>
              </a:ext>
            </a:extLst>
          </p:cNvPr>
          <p:cNvSpPr/>
          <p:nvPr/>
        </p:nvSpPr>
        <p:spPr>
          <a:xfrm>
            <a:off x="2551866" y="2336909"/>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39" name="Freeform: Shape 38" hidden="1">
            <a:extLst>
              <a:ext uri="{FF2B5EF4-FFF2-40B4-BE49-F238E27FC236}">
                <a16:creationId xmlns:a16="http://schemas.microsoft.com/office/drawing/2014/main" id="{95A990E8-183F-0372-27C6-EC4D8127CC91}"/>
              </a:ext>
            </a:extLst>
          </p:cNvPr>
          <p:cNvSpPr/>
          <p:nvPr/>
        </p:nvSpPr>
        <p:spPr>
          <a:xfrm>
            <a:off x="2498576" y="2869583"/>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0" name="Freeform: Shape 39" hidden="1">
            <a:extLst>
              <a:ext uri="{FF2B5EF4-FFF2-40B4-BE49-F238E27FC236}">
                <a16:creationId xmlns:a16="http://schemas.microsoft.com/office/drawing/2014/main" id="{95A406F6-9C1E-DE84-D5A0-07E37969A36A}"/>
              </a:ext>
            </a:extLst>
          </p:cNvPr>
          <p:cNvSpPr/>
          <p:nvPr/>
        </p:nvSpPr>
        <p:spPr>
          <a:xfrm>
            <a:off x="2551865" y="2939699"/>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2" name="Freeform: Shape 41" hidden="1">
            <a:extLst>
              <a:ext uri="{FF2B5EF4-FFF2-40B4-BE49-F238E27FC236}">
                <a16:creationId xmlns:a16="http://schemas.microsoft.com/office/drawing/2014/main" id="{3F7114EE-E2F9-B9AC-4526-7208892667C1}"/>
              </a:ext>
            </a:extLst>
          </p:cNvPr>
          <p:cNvSpPr/>
          <p:nvPr/>
        </p:nvSpPr>
        <p:spPr>
          <a:xfrm>
            <a:off x="2498575" y="3339313"/>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3" name="Freeform: Shape 42" hidden="1">
            <a:extLst>
              <a:ext uri="{FF2B5EF4-FFF2-40B4-BE49-F238E27FC236}">
                <a16:creationId xmlns:a16="http://schemas.microsoft.com/office/drawing/2014/main" id="{0B3D9EFD-11EA-6E74-749D-80CD03BE362F}"/>
              </a:ext>
            </a:extLst>
          </p:cNvPr>
          <p:cNvSpPr/>
          <p:nvPr/>
        </p:nvSpPr>
        <p:spPr>
          <a:xfrm>
            <a:off x="2551864" y="3409429"/>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5" name="Freeform: Shape 44" hidden="1">
            <a:extLst>
              <a:ext uri="{FF2B5EF4-FFF2-40B4-BE49-F238E27FC236}">
                <a16:creationId xmlns:a16="http://schemas.microsoft.com/office/drawing/2014/main" id="{E8389568-4C6D-2895-6847-05A890DB2994}"/>
              </a:ext>
            </a:extLst>
          </p:cNvPr>
          <p:cNvSpPr/>
          <p:nvPr/>
        </p:nvSpPr>
        <p:spPr>
          <a:xfrm>
            <a:off x="2498574" y="3782430"/>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6" name="Freeform: Shape 45" hidden="1">
            <a:extLst>
              <a:ext uri="{FF2B5EF4-FFF2-40B4-BE49-F238E27FC236}">
                <a16:creationId xmlns:a16="http://schemas.microsoft.com/office/drawing/2014/main" id="{9666DF1F-6933-1EB4-714E-C984B931CAAA}"/>
              </a:ext>
            </a:extLst>
          </p:cNvPr>
          <p:cNvSpPr/>
          <p:nvPr/>
        </p:nvSpPr>
        <p:spPr>
          <a:xfrm>
            <a:off x="2551863" y="3852546"/>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8" name="Freeform: Shape 47" hidden="1">
            <a:extLst>
              <a:ext uri="{FF2B5EF4-FFF2-40B4-BE49-F238E27FC236}">
                <a16:creationId xmlns:a16="http://schemas.microsoft.com/office/drawing/2014/main" id="{D0BD8FF8-F226-6410-0B37-CC613EE5563A}"/>
              </a:ext>
            </a:extLst>
          </p:cNvPr>
          <p:cNvSpPr/>
          <p:nvPr/>
        </p:nvSpPr>
        <p:spPr>
          <a:xfrm>
            <a:off x="2491584" y="4180952"/>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49" name="Freeform: Shape 48" hidden="1">
            <a:extLst>
              <a:ext uri="{FF2B5EF4-FFF2-40B4-BE49-F238E27FC236}">
                <a16:creationId xmlns:a16="http://schemas.microsoft.com/office/drawing/2014/main" id="{4AA4D86D-CDFB-7408-9B5F-18252A32AB26}"/>
              </a:ext>
            </a:extLst>
          </p:cNvPr>
          <p:cNvSpPr/>
          <p:nvPr/>
        </p:nvSpPr>
        <p:spPr>
          <a:xfrm>
            <a:off x="2544873" y="4251068"/>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1" name="Freeform: Shape 50" hidden="1">
            <a:extLst>
              <a:ext uri="{FF2B5EF4-FFF2-40B4-BE49-F238E27FC236}">
                <a16:creationId xmlns:a16="http://schemas.microsoft.com/office/drawing/2014/main" id="{16B59EED-9362-587C-8D0A-0EB07DEB21D9}"/>
              </a:ext>
            </a:extLst>
          </p:cNvPr>
          <p:cNvSpPr/>
          <p:nvPr/>
        </p:nvSpPr>
        <p:spPr>
          <a:xfrm>
            <a:off x="2477602" y="4698141"/>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2" name="Freeform: Shape 51" hidden="1">
            <a:extLst>
              <a:ext uri="{FF2B5EF4-FFF2-40B4-BE49-F238E27FC236}">
                <a16:creationId xmlns:a16="http://schemas.microsoft.com/office/drawing/2014/main" id="{E7A68C97-4C82-A19A-70A4-530F2A067C90}"/>
              </a:ext>
            </a:extLst>
          </p:cNvPr>
          <p:cNvSpPr/>
          <p:nvPr/>
        </p:nvSpPr>
        <p:spPr>
          <a:xfrm>
            <a:off x="2530891" y="4768257"/>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4" name="Freeform: Shape 53" hidden="1">
            <a:extLst>
              <a:ext uri="{FF2B5EF4-FFF2-40B4-BE49-F238E27FC236}">
                <a16:creationId xmlns:a16="http://schemas.microsoft.com/office/drawing/2014/main" id="{F2A25930-7691-A4FE-A7F4-CE1542E15843}"/>
              </a:ext>
            </a:extLst>
          </p:cNvPr>
          <p:cNvSpPr/>
          <p:nvPr/>
        </p:nvSpPr>
        <p:spPr>
          <a:xfrm>
            <a:off x="2456628" y="5215330"/>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5" name="Freeform: Shape 54" hidden="1">
            <a:extLst>
              <a:ext uri="{FF2B5EF4-FFF2-40B4-BE49-F238E27FC236}">
                <a16:creationId xmlns:a16="http://schemas.microsoft.com/office/drawing/2014/main" id="{DC56761D-C0C1-6F14-932D-4EF148971133}"/>
              </a:ext>
            </a:extLst>
          </p:cNvPr>
          <p:cNvSpPr/>
          <p:nvPr/>
        </p:nvSpPr>
        <p:spPr>
          <a:xfrm>
            <a:off x="2509917" y="5285446"/>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7" name="Freeform: Shape 56" hidden="1">
            <a:extLst>
              <a:ext uri="{FF2B5EF4-FFF2-40B4-BE49-F238E27FC236}">
                <a16:creationId xmlns:a16="http://schemas.microsoft.com/office/drawing/2014/main" id="{E82898B9-015E-45AD-354F-3E9D34FA264D}"/>
              </a:ext>
            </a:extLst>
          </p:cNvPr>
          <p:cNvSpPr/>
          <p:nvPr/>
        </p:nvSpPr>
        <p:spPr>
          <a:xfrm>
            <a:off x="2456628" y="5628592"/>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58" name="Freeform: Shape 57" hidden="1">
            <a:extLst>
              <a:ext uri="{FF2B5EF4-FFF2-40B4-BE49-F238E27FC236}">
                <a16:creationId xmlns:a16="http://schemas.microsoft.com/office/drawing/2014/main" id="{F29E54F5-073B-5B15-F2D4-4DB906A801AC}"/>
              </a:ext>
            </a:extLst>
          </p:cNvPr>
          <p:cNvSpPr/>
          <p:nvPr/>
        </p:nvSpPr>
        <p:spPr>
          <a:xfrm>
            <a:off x="2509917" y="5698708"/>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60" name="Freeform: Shape 59" hidden="1">
            <a:extLst>
              <a:ext uri="{FF2B5EF4-FFF2-40B4-BE49-F238E27FC236}">
                <a16:creationId xmlns:a16="http://schemas.microsoft.com/office/drawing/2014/main" id="{E420B23A-721A-1A40-2D14-F4B969F70255}"/>
              </a:ext>
            </a:extLst>
          </p:cNvPr>
          <p:cNvSpPr/>
          <p:nvPr/>
        </p:nvSpPr>
        <p:spPr>
          <a:xfrm>
            <a:off x="2455927" y="6065239"/>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61" name="Freeform: Shape 60" hidden="1">
            <a:extLst>
              <a:ext uri="{FF2B5EF4-FFF2-40B4-BE49-F238E27FC236}">
                <a16:creationId xmlns:a16="http://schemas.microsoft.com/office/drawing/2014/main" id="{6B0B87B1-6F0D-852A-0ED3-2999752C24F8}"/>
              </a:ext>
            </a:extLst>
          </p:cNvPr>
          <p:cNvSpPr/>
          <p:nvPr/>
        </p:nvSpPr>
        <p:spPr>
          <a:xfrm>
            <a:off x="2509216" y="6135355"/>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63" name="Freeform: Shape 62" hidden="1">
            <a:extLst>
              <a:ext uri="{FF2B5EF4-FFF2-40B4-BE49-F238E27FC236}">
                <a16:creationId xmlns:a16="http://schemas.microsoft.com/office/drawing/2014/main" id="{18DA9CAB-062A-6536-5F24-F9FC755345B7}"/>
              </a:ext>
            </a:extLst>
          </p:cNvPr>
          <p:cNvSpPr/>
          <p:nvPr/>
        </p:nvSpPr>
        <p:spPr>
          <a:xfrm>
            <a:off x="2455226" y="6476307"/>
            <a:ext cx="307500" cy="307500"/>
          </a:xfrm>
          <a:custGeom>
            <a:avLst/>
            <a:gdLst>
              <a:gd name="connsiteX0" fmla="*/ 0 w 307500"/>
              <a:gd name="connsiteY0" fmla="*/ 0 h 307500"/>
              <a:gd name="connsiteX1" fmla="*/ 0 w 307500"/>
              <a:gd name="connsiteY1" fmla="*/ 307500 h 307500"/>
              <a:gd name="connsiteX2" fmla="*/ 307500 w 307500"/>
              <a:gd name="connsiteY2" fmla="*/ 307500 h 307500"/>
              <a:gd name="connsiteX3" fmla="*/ 307500 w 307500"/>
              <a:gd name="connsiteY3" fmla="*/ 0 h 307500"/>
              <a:gd name="connsiteX4" fmla="*/ 273334 w 307500"/>
              <a:gd name="connsiteY4" fmla="*/ 273334 h 307500"/>
              <a:gd name="connsiteX5" fmla="*/ 34167 w 307500"/>
              <a:gd name="connsiteY5" fmla="*/ 273334 h 307500"/>
              <a:gd name="connsiteX6" fmla="*/ 34167 w 307500"/>
              <a:gd name="connsiteY6" fmla="*/ 34167 h 307500"/>
              <a:gd name="connsiteX7" fmla="*/ 273334 w 307500"/>
              <a:gd name="connsiteY7" fmla="*/ 34167 h 307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07500" h="307500">
                <a:moveTo>
                  <a:pt x="0" y="0"/>
                </a:moveTo>
                <a:lnTo>
                  <a:pt x="0" y="307500"/>
                </a:lnTo>
                <a:lnTo>
                  <a:pt x="307500" y="307500"/>
                </a:lnTo>
                <a:lnTo>
                  <a:pt x="307500" y="0"/>
                </a:lnTo>
                <a:close/>
                <a:moveTo>
                  <a:pt x="273334" y="273334"/>
                </a:moveTo>
                <a:lnTo>
                  <a:pt x="34167" y="273334"/>
                </a:lnTo>
                <a:lnTo>
                  <a:pt x="34167" y="34167"/>
                </a:lnTo>
                <a:lnTo>
                  <a:pt x="273334" y="34167"/>
                </a:lnTo>
                <a:close/>
              </a:path>
            </a:pathLst>
          </a:custGeom>
          <a:solidFill>
            <a:schemeClr val="accent3"/>
          </a:solidFill>
          <a:ln w="12700" cap="flat">
            <a:solidFill>
              <a:schemeClr val="dk1"/>
            </a:solidFill>
            <a:prstDash val="solid"/>
            <a:miter/>
          </a:ln>
        </p:spPr>
        <p:txBody>
          <a:bodyPr rtlCol="0" anchor="ctr"/>
          <a:lstStyle/>
          <a:p>
            <a:endParaRPr lang="en-US"/>
          </a:p>
        </p:txBody>
      </p:sp>
      <p:sp>
        <p:nvSpPr>
          <p:cNvPr id="64" name="Freeform: Shape 63" hidden="1">
            <a:extLst>
              <a:ext uri="{FF2B5EF4-FFF2-40B4-BE49-F238E27FC236}">
                <a16:creationId xmlns:a16="http://schemas.microsoft.com/office/drawing/2014/main" id="{9A043483-AAFC-FA81-BE89-7B5DC632A1AB}"/>
              </a:ext>
            </a:extLst>
          </p:cNvPr>
          <p:cNvSpPr/>
          <p:nvPr/>
        </p:nvSpPr>
        <p:spPr>
          <a:xfrm>
            <a:off x="2508515" y="6546423"/>
            <a:ext cx="200934" cy="153163"/>
          </a:xfrm>
          <a:custGeom>
            <a:avLst/>
            <a:gdLst>
              <a:gd name="connsiteX0" fmla="*/ 200934 w 200934"/>
              <a:gd name="connsiteY0" fmla="*/ 24401 h 153163"/>
              <a:gd name="connsiteX1" fmla="*/ 177018 w 200934"/>
              <a:gd name="connsiteY1" fmla="*/ 0 h 153163"/>
              <a:gd name="connsiteX2" fmla="*/ 69774 w 200934"/>
              <a:gd name="connsiteY2" fmla="*/ 105091 h 153163"/>
              <a:gd name="connsiteX3" fmla="*/ 24162 w 200934"/>
              <a:gd name="connsiteY3" fmla="*/ 59479 h 153163"/>
              <a:gd name="connsiteX4" fmla="*/ 0 w 200934"/>
              <a:gd name="connsiteY4" fmla="*/ 83634 h 153163"/>
              <a:gd name="connsiteX5" fmla="*/ 69529 w 200934"/>
              <a:gd name="connsiteY5" fmla="*/ 153164 h 153163"/>
              <a:gd name="connsiteX6" fmla="*/ 200934 w 200934"/>
              <a:gd name="connsiteY6" fmla="*/ 24401 h 1531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0934" h="153163">
                <a:moveTo>
                  <a:pt x="200934" y="24401"/>
                </a:moveTo>
                <a:lnTo>
                  <a:pt x="177018" y="0"/>
                </a:lnTo>
                <a:lnTo>
                  <a:pt x="69774" y="105091"/>
                </a:lnTo>
                <a:lnTo>
                  <a:pt x="24162" y="59479"/>
                </a:lnTo>
                <a:lnTo>
                  <a:pt x="0" y="83634"/>
                </a:lnTo>
                <a:lnTo>
                  <a:pt x="69529" y="153164"/>
                </a:lnTo>
                <a:lnTo>
                  <a:pt x="200934" y="24401"/>
                </a:lnTo>
                <a:close/>
              </a:path>
            </a:pathLst>
          </a:custGeom>
          <a:solidFill>
            <a:schemeClr val="accent3"/>
          </a:solidFill>
          <a:ln w="12700" cap="flat">
            <a:solidFill>
              <a:schemeClr val="dk1"/>
            </a:solidFill>
            <a:prstDash val="solid"/>
            <a:miter/>
          </a:ln>
        </p:spPr>
        <p:txBody>
          <a:bodyPr rtlCol="0" anchor="ctr"/>
          <a:lstStyle/>
          <a:p>
            <a:endParaRPr lang="en-US"/>
          </a:p>
        </p:txBody>
      </p:sp>
      <p:graphicFrame>
        <p:nvGraphicFramePr>
          <p:cNvPr id="17" name="Table 16">
            <a:extLst>
              <a:ext uri="{FF2B5EF4-FFF2-40B4-BE49-F238E27FC236}">
                <a16:creationId xmlns:a16="http://schemas.microsoft.com/office/drawing/2014/main" id="{B608EC8E-F454-C341-2E2A-D652183A0D81}"/>
              </a:ext>
            </a:extLst>
          </p:cNvPr>
          <p:cNvGraphicFramePr>
            <a:graphicFrameLocks noGrp="1"/>
          </p:cNvGraphicFramePr>
          <p:nvPr>
            <p:extLst>
              <p:ext uri="{D42A27DB-BD31-4B8C-83A1-F6EECF244321}">
                <p14:modId xmlns:p14="http://schemas.microsoft.com/office/powerpoint/2010/main" val="2185437295"/>
              </p:ext>
            </p:extLst>
          </p:nvPr>
        </p:nvGraphicFramePr>
        <p:xfrm>
          <a:off x="602074" y="630296"/>
          <a:ext cx="10958243" cy="2865120"/>
        </p:xfrm>
        <a:graphic>
          <a:graphicData uri="http://schemas.openxmlformats.org/drawingml/2006/table">
            <a:tbl>
              <a:tblPr firstRow="1" bandRow="1">
                <a:tableStyleId>{7E9639D4-E3E2-4D34-9284-5A2195B3D0D7}</a:tableStyleId>
              </a:tblPr>
              <a:tblGrid>
                <a:gridCol w="2822222">
                  <a:extLst>
                    <a:ext uri="{9D8B030D-6E8A-4147-A177-3AD203B41FA5}">
                      <a16:colId xmlns:a16="http://schemas.microsoft.com/office/drawing/2014/main" val="4215811170"/>
                    </a:ext>
                  </a:extLst>
                </a:gridCol>
                <a:gridCol w="1569588">
                  <a:extLst>
                    <a:ext uri="{9D8B030D-6E8A-4147-A177-3AD203B41FA5}">
                      <a16:colId xmlns:a16="http://schemas.microsoft.com/office/drawing/2014/main" val="121800083"/>
                    </a:ext>
                  </a:extLst>
                </a:gridCol>
                <a:gridCol w="1765549">
                  <a:extLst>
                    <a:ext uri="{9D8B030D-6E8A-4147-A177-3AD203B41FA5}">
                      <a16:colId xmlns:a16="http://schemas.microsoft.com/office/drawing/2014/main" val="730960691"/>
                    </a:ext>
                  </a:extLst>
                </a:gridCol>
                <a:gridCol w="1576098">
                  <a:extLst>
                    <a:ext uri="{9D8B030D-6E8A-4147-A177-3AD203B41FA5}">
                      <a16:colId xmlns:a16="http://schemas.microsoft.com/office/drawing/2014/main" val="3895113299"/>
                    </a:ext>
                  </a:extLst>
                </a:gridCol>
                <a:gridCol w="1556631">
                  <a:extLst>
                    <a:ext uri="{9D8B030D-6E8A-4147-A177-3AD203B41FA5}">
                      <a16:colId xmlns:a16="http://schemas.microsoft.com/office/drawing/2014/main" val="1891158555"/>
                    </a:ext>
                  </a:extLst>
                </a:gridCol>
                <a:gridCol w="1668155">
                  <a:extLst>
                    <a:ext uri="{9D8B030D-6E8A-4147-A177-3AD203B41FA5}">
                      <a16:colId xmlns:a16="http://schemas.microsoft.com/office/drawing/2014/main" val="420915140"/>
                    </a:ext>
                  </a:extLst>
                </a:gridCol>
              </a:tblGrid>
              <a:tr h="370840">
                <a:tc>
                  <a:txBody>
                    <a:bodyPr/>
                    <a:lstStyle/>
                    <a:p>
                      <a:pPr algn="ctr"/>
                      <a:r>
                        <a:rPr lang="en-US"/>
                        <a:t>Description</a:t>
                      </a:r>
                    </a:p>
                  </a:txBody>
                  <a:tcPr/>
                </a:tc>
                <a:tc>
                  <a:txBody>
                    <a:bodyPr/>
                    <a:lstStyle/>
                    <a:p>
                      <a:pPr algn="ctr"/>
                      <a:r>
                        <a:rPr lang="en-US"/>
                        <a:t>Part Code</a:t>
                      </a:r>
                    </a:p>
                  </a:txBody>
                  <a:tcPr/>
                </a:tc>
                <a:tc>
                  <a:txBody>
                    <a:bodyPr/>
                    <a:lstStyle/>
                    <a:p>
                      <a:pPr algn="ctr"/>
                      <a:r>
                        <a:rPr lang="en-US"/>
                        <a:t>Length (in/mm)</a:t>
                      </a:r>
                    </a:p>
                  </a:txBody>
                  <a:tcPr/>
                </a:tc>
                <a:tc>
                  <a:txBody>
                    <a:bodyPr/>
                    <a:lstStyle/>
                    <a:p>
                      <a:pPr algn="ctr"/>
                      <a:r>
                        <a:rPr lang="en-US"/>
                        <a:t>Width (in/mm)</a:t>
                      </a:r>
                    </a:p>
                  </a:txBody>
                  <a:tcPr/>
                </a:tc>
                <a:tc>
                  <a:txBody>
                    <a:bodyPr/>
                    <a:lstStyle/>
                    <a:p>
                      <a:pPr algn="ctr"/>
                      <a:r>
                        <a:rPr lang="en-US"/>
                        <a:t>Depth (in/mm)</a:t>
                      </a:r>
                    </a:p>
                  </a:txBody>
                  <a:tcPr/>
                </a:tc>
                <a:tc>
                  <a:txBody>
                    <a:bodyPr/>
                    <a:lstStyle/>
                    <a:p>
                      <a:pPr algn="ctr"/>
                      <a:r>
                        <a:rPr lang="en-US"/>
                        <a:t>Weight (</a:t>
                      </a:r>
                      <a:r>
                        <a:rPr lang="en-US" err="1"/>
                        <a:t>lbs</a:t>
                      </a:r>
                      <a:r>
                        <a:rPr lang="en-US"/>
                        <a:t>/kg)</a:t>
                      </a:r>
                    </a:p>
                  </a:txBody>
                  <a:tcPr/>
                </a:tc>
                <a:extLst>
                  <a:ext uri="{0D108BD9-81ED-4DB2-BD59-A6C34878D82A}">
                    <a16:rowId xmlns:a16="http://schemas.microsoft.com/office/drawing/2014/main" val="1892679164"/>
                  </a:ext>
                </a:extLst>
              </a:tr>
              <a:tr h="370840">
                <a:tc>
                  <a:txBody>
                    <a:bodyPr/>
                    <a:lstStyle/>
                    <a:p>
                      <a:pPr algn="l"/>
                      <a:r>
                        <a:rPr lang="en-US"/>
                        <a:t>Base Unit</a:t>
                      </a:r>
                    </a:p>
                  </a:txBody>
                  <a:tcPr/>
                </a:tc>
                <a:tc>
                  <a:txBody>
                    <a:bodyPr/>
                    <a:lstStyle/>
                    <a:p>
                      <a:pPr algn="ctr"/>
                      <a:r>
                        <a:rPr lang="en-US"/>
                        <a:t>3091506</a:t>
                      </a:r>
                    </a:p>
                  </a:txBody>
                  <a:tcPr/>
                </a:tc>
                <a:tc>
                  <a:txBody>
                    <a:bodyPr/>
                    <a:lstStyle/>
                    <a:p>
                      <a:pPr algn="ctr"/>
                      <a:r>
                        <a:rPr lang="en-US"/>
                        <a:t>48.0 / 1200</a:t>
                      </a:r>
                    </a:p>
                  </a:txBody>
                  <a:tcPr/>
                </a:tc>
                <a:tc>
                  <a:txBody>
                    <a:bodyPr/>
                    <a:lstStyle/>
                    <a:p>
                      <a:pPr algn="ctr"/>
                      <a:r>
                        <a:rPr lang="en-US"/>
                        <a:t>24.0 / 600</a:t>
                      </a:r>
                    </a:p>
                  </a:txBody>
                  <a:tcPr/>
                </a:tc>
                <a:tc>
                  <a:txBody>
                    <a:bodyPr/>
                    <a:lstStyle/>
                    <a:p>
                      <a:pPr algn="ctr"/>
                      <a:r>
                        <a:rPr lang="en-US"/>
                        <a:t>16.7 / 425</a:t>
                      </a:r>
                    </a:p>
                  </a:txBody>
                  <a:tcPr/>
                </a:tc>
                <a:tc>
                  <a:txBody>
                    <a:bodyPr/>
                    <a:lstStyle/>
                    <a:p>
                      <a:pPr algn="ctr"/>
                      <a:r>
                        <a:rPr lang="en-US"/>
                        <a:t>24 / 11</a:t>
                      </a:r>
                    </a:p>
                  </a:txBody>
                  <a:tcPr/>
                </a:tc>
                <a:extLst>
                  <a:ext uri="{0D108BD9-81ED-4DB2-BD59-A6C34878D82A}">
                    <a16:rowId xmlns:a16="http://schemas.microsoft.com/office/drawing/2014/main" val="316222372"/>
                  </a:ext>
                </a:extLst>
              </a:tr>
              <a:tr h="370840">
                <a:tc>
                  <a:txBody>
                    <a:bodyPr/>
                    <a:lstStyle/>
                    <a:p>
                      <a:pPr algn="l"/>
                      <a:r>
                        <a:rPr lang="en-US"/>
                        <a:t>Pipe Connector 8-12 in.</a:t>
                      </a:r>
                    </a:p>
                  </a:txBody>
                  <a:tcPr/>
                </a:tc>
                <a:tc>
                  <a:txBody>
                    <a:bodyPr/>
                    <a:lstStyle/>
                    <a:p>
                      <a:pPr algn="ctr"/>
                      <a:r>
                        <a:rPr lang="en-US"/>
                        <a:t>2476631200</a:t>
                      </a:r>
                    </a:p>
                  </a:txBody>
                  <a:tcPr/>
                </a:tc>
                <a:tc>
                  <a:txBody>
                    <a:bodyPr/>
                    <a:lstStyle/>
                    <a:p>
                      <a:pPr algn="ctr"/>
                      <a:r>
                        <a:rPr lang="en-US"/>
                        <a:t>14.0 / 355</a:t>
                      </a:r>
                    </a:p>
                  </a:txBody>
                  <a:tcPr/>
                </a:tc>
                <a:tc>
                  <a:txBody>
                    <a:bodyPr/>
                    <a:lstStyle/>
                    <a:p>
                      <a:pPr algn="ctr"/>
                      <a:r>
                        <a:rPr lang="en-US"/>
                        <a:t>14.1 / 359 </a:t>
                      </a:r>
                    </a:p>
                  </a:txBody>
                  <a:tcPr/>
                </a:tc>
                <a:tc>
                  <a:txBody>
                    <a:bodyPr/>
                    <a:lstStyle/>
                    <a:p>
                      <a:pPr algn="ctr"/>
                      <a:r>
                        <a:rPr lang="en-US"/>
                        <a:t>12.4 / 315</a:t>
                      </a:r>
                    </a:p>
                  </a:txBody>
                  <a:tcPr/>
                </a:tc>
                <a:tc>
                  <a:txBody>
                    <a:bodyPr/>
                    <a:lstStyle/>
                    <a:p>
                      <a:pPr algn="ctr"/>
                      <a:r>
                        <a:rPr lang="en-US"/>
                        <a:t>3 / 1.3</a:t>
                      </a:r>
                    </a:p>
                  </a:txBody>
                  <a:tcPr/>
                </a:tc>
                <a:extLst>
                  <a:ext uri="{0D108BD9-81ED-4DB2-BD59-A6C34878D82A}">
                    <a16:rowId xmlns:a16="http://schemas.microsoft.com/office/drawing/2014/main" val="3883120545"/>
                  </a:ext>
                </a:extLst>
              </a:tr>
              <a:tr h="370840">
                <a:tc>
                  <a:txBody>
                    <a:bodyPr/>
                    <a:lstStyle/>
                    <a:p>
                      <a:pPr algn="l"/>
                      <a:r>
                        <a:rPr lang="en-US"/>
                        <a:t>Side Plate</a:t>
                      </a:r>
                    </a:p>
                  </a:txBody>
                  <a:tcPr/>
                </a:tc>
                <a:tc>
                  <a:txBody>
                    <a:bodyPr/>
                    <a:lstStyle/>
                    <a:p>
                      <a:pPr algn="ctr"/>
                      <a:r>
                        <a:rPr lang="en-US"/>
                        <a:t>2476600003</a:t>
                      </a:r>
                    </a:p>
                  </a:txBody>
                  <a:tcPr/>
                </a:tc>
                <a:tc>
                  <a:txBody>
                    <a:bodyPr/>
                    <a:lstStyle/>
                    <a:p>
                      <a:pPr algn="ctr"/>
                      <a:r>
                        <a:rPr lang="en-US"/>
                        <a:t>45.5 / 1155</a:t>
                      </a:r>
                    </a:p>
                  </a:txBody>
                  <a:tcPr/>
                </a:tc>
                <a:tc>
                  <a:txBody>
                    <a:bodyPr/>
                    <a:lstStyle/>
                    <a:p>
                      <a:pPr algn="ctr"/>
                      <a:r>
                        <a:rPr lang="en-US"/>
                        <a:t>15.9 / 404</a:t>
                      </a:r>
                    </a:p>
                  </a:txBody>
                  <a:tcPr/>
                </a:tc>
                <a:tc>
                  <a:txBody>
                    <a:bodyPr/>
                    <a:lstStyle/>
                    <a:p>
                      <a:pPr algn="ctr"/>
                      <a:r>
                        <a:rPr lang="en-US"/>
                        <a:t>2.4 / 60</a:t>
                      </a:r>
                    </a:p>
                  </a:txBody>
                  <a:tcPr/>
                </a:tc>
                <a:tc>
                  <a:txBody>
                    <a:bodyPr/>
                    <a:lstStyle/>
                    <a:p>
                      <a:pPr algn="ctr"/>
                      <a:r>
                        <a:rPr lang="en-US"/>
                        <a:t>5 / 2.3</a:t>
                      </a:r>
                    </a:p>
                  </a:txBody>
                  <a:tcPr/>
                </a:tc>
                <a:extLst>
                  <a:ext uri="{0D108BD9-81ED-4DB2-BD59-A6C34878D82A}">
                    <a16:rowId xmlns:a16="http://schemas.microsoft.com/office/drawing/2014/main" val="3720765796"/>
                  </a:ext>
                </a:extLst>
              </a:tr>
              <a:tr h="370840">
                <a:tc>
                  <a:txBody>
                    <a:bodyPr/>
                    <a:lstStyle/>
                    <a:p>
                      <a:pPr algn="l"/>
                      <a:r>
                        <a:rPr lang="en-US"/>
                        <a:t>Bottom Plate</a:t>
                      </a:r>
                    </a:p>
                  </a:txBody>
                  <a:tcPr/>
                </a:tc>
                <a:tc>
                  <a:txBody>
                    <a:bodyPr/>
                    <a:lstStyle/>
                    <a:p>
                      <a:pPr algn="ctr"/>
                      <a:r>
                        <a:rPr lang="en-US"/>
                        <a:t>2476600001</a:t>
                      </a:r>
                    </a:p>
                  </a:txBody>
                  <a:tcPr/>
                </a:tc>
                <a:tc>
                  <a:txBody>
                    <a:bodyPr/>
                    <a:lstStyle/>
                    <a:p>
                      <a:pPr algn="ctr"/>
                      <a:r>
                        <a:rPr lang="en-US"/>
                        <a:t>48.0 / 1200</a:t>
                      </a:r>
                    </a:p>
                  </a:txBody>
                  <a:tcPr/>
                </a:tc>
                <a:tc>
                  <a:txBody>
                    <a:bodyPr/>
                    <a:lstStyle/>
                    <a:p>
                      <a:pPr algn="ctr"/>
                      <a:r>
                        <a:rPr lang="en-US"/>
                        <a:t>24.0 / 600</a:t>
                      </a:r>
                    </a:p>
                  </a:txBody>
                  <a:tcPr/>
                </a:tc>
                <a:tc>
                  <a:txBody>
                    <a:bodyPr/>
                    <a:lstStyle/>
                    <a:p>
                      <a:pPr algn="ctr"/>
                      <a:r>
                        <a:rPr lang="en-US"/>
                        <a:t>1.4 / 35</a:t>
                      </a:r>
                    </a:p>
                  </a:txBody>
                  <a:tcPr/>
                </a:tc>
                <a:tc>
                  <a:txBody>
                    <a:bodyPr/>
                    <a:lstStyle/>
                    <a:p>
                      <a:pPr algn="ctr"/>
                      <a:r>
                        <a:rPr lang="en-US"/>
                        <a:t>8 / 3.6</a:t>
                      </a:r>
                    </a:p>
                  </a:txBody>
                  <a:tcPr/>
                </a:tc>
                <a:extLst>
                  <a:ext uri="{0D108BD9-81ED-4DB2-BD59-A6C34878D82A}">
                    <a16:rowId xmlns:a16="http://schemas.microsoft.com/office/drawing/2014/main" val="2836902597"/>
                  </a:ext>
                </a:extLst>
              </a:tr>
              <a:tr h="370840">
                <a:tc>
                  <a:txBody>
                    <a:bodyPr/>
                    <a:lstStyle/>
                    <a:p>
                      <a:pPr algn="l"/>
                      <a:r>
                        <a:rPr lang="en-US"/>
                        <a:t>Top Adapter 12 in.</a:t>
                      </a:r>
                    </a:p>
                  </a:txBody>
                  <a:tcPr/>
                </a:tc>
                <a:tc>
                  <a:txBody>
                    <a:bodyPr/>
                    <a:lstStyle/>
                    <a:p>
                      <a:pPr algn="ctr"/>
                      <a:r>
                        <a:rPr lang="en-US"/>
                        <a:t>3085857</a:t>
                      </a:r>
                    </a:p>
                  </a:txBody>
                  <a:tcPr/>
                </a:tc>
                <a:tc>
                  <a:txBody>
                    <a:bodyPr/>
                    <a:lstStyle/>
                    <a:p>
                      <a:pPr algn="ctr"/>
                      <a:r>
                        <a:rPr lang="en-US"/>
                        <a:t>16.0 / 415</a:t>
                      </a:r>
                    </a:p>
                  </a:txBody>
                  <a:tcPr/>
                </a:tc>
                <a:tc>
                  <a:txBody>
                    <a:bodyPr/>
                    <a:lstStyle/>
                    <a:p>
                      <a:pPr algn="ctr"/>
                      <a:r>
                        <a:rPr lang="en-US"/>
                        <a:t>16.0/ 415</a:t>
                      </a:r>
                    </a:p>
                  </a:txBody>
                  <a:tcPr/>
                </a:tc>
                <a:tc>
                  <a:txBody>
                    <a:bodyPr/>
                    <a:lstStyle/>
                    <a:p>
                      <a:pPr algn="ctr"/>
                      <a:r>
                        <a:rPr lang="en-US"/>
                        <a:t>10.6 / 268</a:t>
                      </a:r>
                    </a:p>
                  </a:txBody>
                  <a:tcPr/>
                </a:tc>
                <a:tc>
                  <a:txBody>
                    <a:bodyPr/>
                    <a:lstStyle/>
                    <a:p>
                      <a:pPr algn="ctr"/>
                      <a:r>
                        <a:rPr lang="en-US"/>
                        <a:t> 3 / 1.3 </a:t>
                      </a:r>
                    </a:p>
                  </a:txBody>
                  <a:tcPr/>
                </a:tc>
                <a:extLst>
                  <a:ext uri="{0D108BD9-81ED-4DB2-BD59-A6C34878D82A}">
                    <a16:rowId xmlns:a16="http://schemas.microsoft.com/office/drawing/2014/main" val="1102141220"/>
                  </a:ext>
                </a:extLst>
              </a:tr>
              <a:tr h="370840">
                <a:tc>
                  <a:txBody>
                    <a:bodyPr/>
                    <a:lstStyle/>
                    <a:p>
                      <a:pPr algn="l"/>
                      <a:r>
                        <a:rPr lang="en-US"/>
                        <a:t>Top Adapter 16 in.</a:t>
                      </a:r>
                    </a:p>
                  </a:txBody>
                  <a:tcPr/>
                </a:tc>
                <a:tc>
                  <a:txBody>
                    <a:bodyPr/>
                    <a:lstStyle/>
                    <a:p>
                      <a:pPr algn="ctr"/>
                      <a:r>
                        <a:rPr lang="en-US"/>
                        <a:t>2476842000</a:t>
                      </a:r>
                    </a:p>
                  </a:txBody>
                  <a:tcPr/>
                </a:tc>
                <a:tc>
                  <a:txBody>
                    <a:bodyPr/>
                    <a:lstStyle/>
                    <a:p>
                      <a:pPr algn="ctr"/>
                      <a:r>
                        <a:rPr lang="en-US"/>
                        <a:t>23.3 / 592</a:t>
                      </a:r>
                    </a:p>
                  </a:txBody>
                  <a:tcPr/>
                </a:tc>
                <a:tc>
                  <a:txBody>
                    <a:bodyPr/>
                    <a:lstStyle/>
                    <a:p>
                      <a:pPr algn="ctr"/>
                      <a:r>
                        <a:rPr lang="en-US"/>
                        <a:t>23.3 / 592</a:t>
                      </a:r>
                    </a:p>
                  </a:txBody>
                  <a:tcPr/>
                </a:tc>
                <a:tc>
                  <a:txBody>
                    <a:bodyPr/>
                    <a:lstStyle/>
                    <a:p>
                      <a:pPr algn="ctr"/>
                      <a:r>
                        <a:rPr lang="en-US"/>
                        <a:t>10.6 / 268</a:t>
                      </a:r>
                    </a:p>
                  </a:txBody>
                  <a:tcPr/>
                </a:tc>
                <a:tc>
                  <a:txBody>
                    <a:bodyPr/>
                    <a:lstStyle/>
                    <a:p>
                      <a:pPr algn="ctr"/>
                      <a:r>
                        <a:rPr lang="en-US"/>
                        <a:t>11 / 5</a:t>
                      </a:r>
                    </a:p>
                  </a:txBody>
                  <a:tcPr/>
                </a:tc>
                <a:extLst>
                  <a:ext uri="{0D108BD9-81ED-4DB2-BD59-A6C34878D82A}">
                    <a16:rowId xmlns:a16="http://schemas.microsoft.com/office/drawing/2014/main" val="2872960180"/>
                  </a:ext>
                </a:extLst>
              </a:tr>
            </a:tbl>
          </a:graphicData>
        </a:graphic>
      </p:graphicFrame>
    </p:spTree>
    <p:custDataLst>
      <p:custData r:id="rId1"/>
      <p:custData r:id="rId2"/>
      <p:tags r:id="rId3"/>
    </p:custDataLst>
    <p:extLst>
      <p:ext uri="{BB962C8B-B14F-4D97-AF65-F5344CB8AC3E}">
        <p14:creationId xmlns:p14="http://schemas.microsoft.com/office/powerpoint/2010/main" val="21610525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998624466300608"/>
</p:tagLst>
</file>

<file path=ppt/theme/theme1.xml><?xml version="1.0" encoding="utf-8"?>
<a:theme xmlns:a="http://schemas.openxmlformats.org/drawingml/2006/main" name="1_Orbia Cover Light">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none" rtlCol="0">
        <a:spAutoFit/>
      </a:bodyPr>
      <a:lstStyle>
        <a:defPPr algn="l">
          <a:defRPr dirty="0" smtClean="0">
            <a:latin typeface="+mn-lt"/>
          </a:defRPr>
        </a:defPPr>
      </a:lstStyle>
    </a:tx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0.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rbia Cover Dark">
  <a:themeElements>
    <a:clrScheme name="Orbia Master Color Palette">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Light_Content_BlueFooter">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w="2346" cap="flat">
          <a:noFill/>
          <a:prstDash val="solid"/>
          <a:miter/>
        </a:ln>
      </a:spPr>
      <a:bodyPr rtlCol="0" anchor="ctr"/>
      <a:lstStyle>
        <a:defPPr algn="l">
          <a:defRPr/>
        </a:defPPr>
      </a:lstStyle>
    </a:spDef>
    <a:txDef>
      <a:spPr>
        <a:noFill/>
      </a:spPr>
      <a:bodyPr wrap="none" rtlCol="0">
        <a:spAutoFit/>
      </a:bodyPr>
      <a:lstStyle>
        <a:defPPr algn="l">
          <a:defRPr dirty="0" smtClean="0">
            <a:latin typeface="+mn-lt"/>
          </a:defRPr>
        </a:defPPr>
      </a:lstStyle>
    </a:txDef>
  </a:objectDefaults>
  <a:extraClrSchemeLst/>
  <a:extLst>
    <a:ext uri="{05A4C25C-085E-4340-85A3-A5531E510DB2}">
      <thm15:themeFamily xmlns:thm15="http://schemas.microsoft.com/office/thememl/2012/main" name="Orbia21_BI-Wavin_template" id="{15141EA5-01D5-CC46-8345-D51B50F064CF}" vid="{A5978EF8-8493-A744-8096-4BDDAAF36723}"/>
    </a:ext>
  </a:extLst>
</a:theme>
</file>

<file path=ppt/theme/theme4.xml><?xml version="1.0" encoding="utf-8"?>
<a:theme xmlns:a="http://schemas.openxmlformats.org/drawingml/2006/main" name="2_Light_Content_GreyFooter">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w="2346" cap="flat">
          <a:noFill/>
          <a:prstDash val="solid"/>
          <a:miter/>
        </a:ln>
      </a:spPr>
      <a:bodyPr rtlCol="0" anchor="ctr"/>
      <a:lstStyle>
        <a:defPPr algn="l">
          <a:defRPr/>
        </a:defPPr>
      </a:lstStyle>
    </a:spDef>
  </a:objectDefaults>
  <a:extraClrSchemeLst/>
  <a:extLst>
    <a:ext uri="{05A4C25C-085E-4340-85A3-A5531E510DB2}">
      <thm15:themeFamily xmlns:thm15="http://schemas.microsoft.com/office/thememl/2012/main" name="Orbia21_BI-Wavin_template" id="{15141EA5-01D5-CC46-8345-D51B50F064CF}" vid="{A5978EF8-8493-A744-8096-4BDDAAF36723}"/>
    </a:ext>
  </a:extLst>
</a:theme>
</file>

<file path=ppt/theme/theme5.xml><?xml version="1.0" encoding="utf-8"?>
<a:theme xmlns:a="http://schemas.openxmlformats.org/drawingml/2006/main" name="3_Dark_Content">
  <a:themeElements>
    <a:clrScheme name="Orbia Master Color Palette">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rbia21_BI-Wavin_template" id="{15141EA5-01D5-CC46-8345-D51B50F064CF}" vid="{A5978EF8-8493-A744-8096-4BDDAAF36723}"/>
    </a:ext>
  </a:extLst>
</a:theme>
</file>

<file path=ppt/theme/theme6.xml><?xml version="1.0" encoding="utf-8"?>
<a:theme xmlns:a="http://schemas.openxmlformats.org/drawingml/2006/main" name="3_Dark_Content_GreyFooter">
  <a:themeElements>
    <a:clrScheme name="Orbia Master Color Palette">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rbia21_BI-Wavin_template" id="{15141EA5-01D5-CC46-8345-D51B50F064CF}" vid="{A5978EF8-8493-A744-8096-4BDDAAF36723}"/>
    </a:ext>
  </a:extLst>
</a:theme>
</file>

<file path=ppt/theme/theme7.xml><?xml version="1.0" encoding="utf-8"?>
<a:theme xmlns:a="http://schemas.openxmlformats.org/drawingml/2006/main" name="3_Orbia Section Divider">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rbia21_BI-Wavin_template" id="{15141EA5-01D5-CC46-8345-D51B50F064CF}" vid="{A5978EF8-8493-A744-8096-4BDDAAF36723}"/>
    </a:ext>
  </a:extLst>
</a:theme>
</file>

<file path=ppt/theme/theme8.xml><?xml version="1.0" encoding="utf-8"?>
<a:theme xmlns:a="http://schemas.openxmlformats.org/drawingml/2006/main" name="End Slide Ligth">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End Slide Dark">
  <a:themeElements>
    <a:clrScheme name="_Orbia">
      <a:dk1>
        <a:srgbClr val="343750"/>
      </a:dk1>
      <a:lt1>
        <a:srgbClr val="F3F3F3"/>
      </a:lt1>
      <a:dk2>
        <a:srgbClr val="414041"/>
      </a:dk2>
      <a:lt2>
        <a:srgbClr val="FFFFFF"/>
      </a:lt2>
      <a:accent1>
        <a:srgbClr val="FF7D5E"/>
      </a:accent1>
      <a:accent2>
        <a:srgbClr val="FDBA63"/>
      </a:accent2>
      <a:accent3>
        <a:srgbClr val="41B27D"/>
      </a:accent3>
      <a:accent4>
        <a:srgbClr val="A7A9AC"/>
      </a:accent4>
      <a:accent5>
        <a:srgbClr val="D33F3E"/>
      </a:accent5>
      <a:accent6>
        <a:srgbClr val="E3B2AF"/>
      </a:accent6>
      <a:hlink>
        <a:srgbClr val="FF7D5E"/>
      </a:hlink>
      <a:folHlink>
        <a:srgbClr val="FF7D5E"/>
      </a:folHlink>
    </a:clrScheme>
    <a:fontScheme name="ORBIA">
      <a:majorFont>
        <a:latin typeface="Lora"/>
        <a:ea typeface=""/>
        <a:cs typeface=""/>
      </a:majorFont>
      <a:minorFont>
        <a:latin typeface="Nunit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TemplafyFormConfiguration><![CDATA[{"formFields":[],"formDataEntries":[]}]]></TemplafyFormConfiguration>
</file>

<file path=customXml/item2.xml><?xml version="1.0" encoding="utf-8"?>
<p:properties xmlns:p="http://schemas.microsoft.com/office/2006/metadata/properties" xmlns:xsi="http://www.w3.org/2001/XMLSchema-instance" xmlns:pc="http://schemas.microsoft.com/office/infopath/2007/PartnerControls">
  <documentManagement>
    <TaxCatchAll xmlns="c0ba729c-cb82-4345-942d-6f20bdcfee89" xsi:nil="true"/>
    <lcf76f155ced4ddcb4097134ff3c332f xmlns="b105c0fb-b21f-43ea-9ea8-6c38ff31d5bb">
      <Terms xmlns="http://schemas.microsoft.com/office/infopath/2007/PartnerControls"/>
    </lcf76f155ced4ddcb4097134ff3c332f>
    <SharedWithUsers xmlns="c0ba729c-cb82-4345-942d-6f20bdcfee89">
      <UserInfo>
        <DisplayName>Michelle Lange | Orbia (Wavin)</DisplayName>
        <AccountId>22</AccountId>
        <AccountType/>
      </UserInfo>
      <UserInfo>
        <DisplayName>Kraig Smith | Orbia (Wavin)</DisplayName>
        <AccountId>26</AccountId>
        <AccountType/>
      </UserInfo>
      <UserInfo>
        <DisplayName>Karina Cabreja | Orbia (Wavin)</DisplayName>
        <AccountId>21</AccountId>
        <AccountType/>
      </UserInfo>
      <UserInfo>
        <DisplayName>Justin Fraley | Orbia (Wavin)</DisplayName>
        <AccountId>74</AccountId>
        <AccountType/>
      </UserInfo>
      <UserInfo>
        <DisplayName>Joshua Schroeder | Orbia (Wavin)</DisplayName>
        <AccountId>27</AccountId>
        <AccountType/>
      </UserInfo>
      <UserInfo>
        <DisplayName>Heath Duggan | Orbia (Wavin)</DisplayName>
        <AccountId>28</AccountId>
        <AccountType/>
      </UserInfo>
    </SharedWithUser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ct:contentTypeSchema xmlns:ct="http://schemas.microsoft.com/office/2006/metadata/contentType" xmlns:ma="http://schemas.microsoft.com/office/2006/metadata/properties/metaAttributes" ct:_="" ma:_="" ma:contentTypeName="Document" ma:contentTypeID="0x010100B92B7A313D99D041BAED4DF6DCED677C" ma:contentTypeVersion="15" ma:contentTypeDescription="Create a new document." ma:contentTypeScope="" ma:versionID="ac849440f21c4ba61bd24deaff800e64">
  <xsd:schema xmlns:xsd="http://www.w3.org/2001/XMLSchema" xmlns:xs="http://www.w3.org/2001/XMLSchema" xmlns:p="http://schemas.microsoft.com/office/2006/metadata/properties" xmlns:ns2="b105c0fb-b21f-43ea-9ea8-6c38ff31d5bb" xmlns:ns3="c0ba729c-cb82-4345-942d-6f20bdcfee89" targetNamespace="http://schemas.microsoft.com/office/2006/metadata/properties" ma:root="true" ma:fieldsID="82b76b3ac28229951622fe8a05876086" ns2:_="" ns3:_="">
    <xsd:import namespace="b105c0fb-b21f-43ea-9ea8-6c38ff31d5bb"/>
    <xsd:import namespace="c0ba729c-cb82-4345-942d-6f20bdcfee89"/>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3:SharedWithUsers" minOccurs="0"/>
                <xsd:element ref="ns3:SharedWithDetails" minOccurs="0"/>
                <xsd:element ref="ns2:MediaServiceObjectDetectorVersion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DateTaken" minOccurs="0"/>
                <xsd:element ref="ns2:MediaLengthInSeconds"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105c0fb-b21f-43ea-9ea8-6c38ff31d5b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3" nillable="true" ma:displayName="MediaServiceObjectDetectorVersions" ma:hidden="true" ma:indexed="true" ma:internalName="MediaServiceObjectDetectorVersions" ma:readOnly="true">
      <xsd:simpleType>
        <xsd:restriction base="dms:Text"/>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1f57cf05-9ebd-4dff-bcbb-ab0e3b9a3340" ma:termSetId="09814cd3-568e-fe90-9814-8d621ff8fb84" ma:anchorId="fba54fb3-c3e1-fe81-a776-ca4b69148c4d" ma:open="true" ma:isKeyword="false">
      <xsd:complexType>
        <xsd:sequence>
          <xsd:element ref="pc:Terms" minOccurs="0" maxOccurs="1"/>
        </xsd:sequence>
      </xsd:complex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DateTaken" ma:index="20" nillable="true" ma:displayName="MediaServiceDateTaken" ma:hidden="true" ma:indexed="true" ma:internalName="MediaServiceDateTaken" ma:readOnly="true">
      <xsd:simpleType>
        <xsd:restriction base="dms:Text"/>
      </xsd:simpleType>
    </xsd:element>
    <xsd:element name="MediaLengthInSeconds" ma:index="21" nillable="true" ma:displayName="MediaLengthInSeconds" ma:hidden="true" ma:internalName="MediaLengthInSeconds" ma:readOnly="true">
      <xsd:simpleType>
        <xsd:restriction base="dms:Unknown"/>
      </xsd:simpleType>
    </xsd:element>
    <xsd:element name="MediaServiceLocation" ma:index="22"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0ba729c-cb82-4345-942d-6f20bdcfee89"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TaxCatchAll" ma:index="16" nillable="true" ma:displayName="Taxonomy Catch All Column" ma:hidden="true" ma:list="{4d329124-35e0-429f-8902-dd79fa4ae727}" ma:internalName="TaxCatchAll" ma:showField="CatchAllData" ma:web="c0ba729c-cb82-4345-942d-6f20bdcfee8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TemplafyTemplateConfiguration><![CDATA[{"elementsMetadata":[],"transformationConfigurations":[],"templateName":"Orbia21_Master_template","templateDescription":"","enableDocumentContentUpdater":false,"version":"2.0"}]]></Templafy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8030714633824031","enableDocumentContentUpdater":false,"version":"2.0"}]]></TemplafySlideTemplateConfiguration>
</file>

<file path=customXml/itemProps1.xml><?xml version="1.0" encoding="utf-8"?>
<ds:datastoreItem xmlns:ds="http://schemas.openxmlformats.org/officeDocument/2006/customXml" ds:itemID="{9D13A5AA-A141-4E32-AB8F-28A6FCBA29D7}">
  <ds:schemaRefs/>
</ds:datastoreItem>
</file>

<file path=customXml/itemProps2.xml><?xml version="1.0" encoding="utf-8"?>
<ds:datastoreItem xmlns:ds="http://schemas.openxmlformats.org/officeDocument/2006/customXml" ds:itemID="{8879443B-519C-4352-9077-159C3879EED6}">
  <ds:schemaRefs>
    <ds:schemaRef ds:uri="1cca123a-3758-416c-9bd2-7b1c2c7577fb"/>
    <ds:schemaRef ds:uri="6d00ed29-2b42-43a6-8960-d7e5b2cf68b9"/>
    <ds:schemaRef ds:uri="b105c0fb-b21f-43ea-9ea8-6c38ff31d5bb"/>
    <ds:schemaRef ds:uri="c0ba729c-cb82-4345-942d-6f20bdcfee89"/>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3.xml><?xml version="1.0" encoding="utf-8"?>
<ds:datastoreItem xmlns:ds="http://schemas.openxmlformats.org/officeDocument/2006/customXml" ds:itemID="{CC3D6429-85CB-4E24-B704-12EF779A273B}">
  <ds:schemaRefs>
    <ds:schemaRef ds:uri="http://schemas.microsoft.com/sharepoint/v3/contenttype/forms"/>
  </ds:schemaRefs>
</ds:datastoreItem>
</file>

<file path=customXml/itemProps4.xml><?xml version="1.0" encoding="utf-8"?>
<ds:datastoreItem xmlns:ds="http://schemas.openxmlformats.org/officeDocument/2006/customXml" ds:itemID="{E145A0EB-D822-4F17-97C5-B1A46D996179}">
  <ds:schemaRefs>
    <ds:schemaRef ds:uri="b105c0fb-b21f-43ea-9ea8-6c38ff31d5bb"/>
    <ds:schemaRef ds:uri="c0ba729c-cb82-4345-942d-6f20bdcfee89"/>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5.xml><?xml version="1.0" encoding="utf-8"?>
<ds:datastoreItem xmlns:ds="http://schemas.openxmlformats.org/officeDocument/2006/customXml" ds:itemID="{14287CAD-611D-4CC7-AE35-506857B8FB5A}">
  <ds:schemaRefs/>
</ds:datastoreItem>
</file>

<file path=customXml/itemProps6.xml><?xml version="1.0" encoding="utf-8"?>
<ds:datastoreItem xmlns:ds="http://schemas.openxmlformats.org/officeDocument/2006/customXml" ds:itemID="{09F7B3FD-A70B-4DD3-9C42-E93CB20A7441}">
  <ds:schemaRefs/>
</ds:datastoreItem>
</file>

<file path=customXml/itemProps7.xml><?xml version="1.0" encoding="utf-8"?>
<ds:datastoreItem xmlns:ds="http://schemas.openxmlformats.org/officeDocument/2006/customXml" ds:itemID="{F95A584F-F3A1-4D5F-BBFC-79B3185A9CAE}">
  <ds:schemaRefs/>
</ds:datastoreItem>
</file>

<file path=docProps/app.xml><?xml version="1.0" encoding="utf-8"?>
<Properties xmlns="http://schemas.openxmlformats.org/officeDocument/2006/extended-properties" xmlns:vt="http://schemas.openxmlformats.org/officeDocument/2006/docPropsVTypes">
  <Template/>
  <Application>Microsoft Office PowerPoint</Application>
  <PresentationFormat>Widescreen</PresentationFormat>
  <Slides>1</Slides>
  <Notes>0</Notes>
  <HiddenSlides>0</HiddenSlides>
  <ScaleCrop>false</ScaleCrop>
  <HeadingPairs>
    <vt:vector size="4" baseType="variant">
      <vt:variant>
        <vt:lpstr>Theme</vt:lpstr>
      </vt:variant>
      <vt:variant>
        <vt:i4>9</vt:i4>
      </vt:variant>
      <vt:variant>
        <vt:lpstr>Slide Titles</vt:lpstr>
      </vt:variant>
      <vt:variant>
        <vt:i4>1</vt:i4>
      </vt:variant>
    </vt:vector>
  </HeadingPairs>
  <TitlesOfParts>
    <vt:vector size="10" baseType="lpstr">
      <vt:lpstr>1_Orbia Cover Light</vt:lpstr>
      <vt:lpstr>1_Orbia Cover Dark</vt:lpstr>
      <vt:lpstr>2_Light_Content_BlueFooter</vt:lpstr>
      <vt:lpstr>2_Light_Content_GreyFooter</vt:lpstr>
      <vt:lpstr>3_Dark_Content</vt:lpstr>
      <vt:lpstr>3_Dark_Content_GreyFooter</vt:lpstr>
      <vt:lpstr>3_Orbia Section Divider</vt:lpstr>
      <vt:lpstr>End Slide Ligth</vt:lpstr>
      <vt:lpstr>End Slide Dark</vt:lpstr>
      <vt:lpstr>PowerPoint Presentation</vt:lpstr>
    </vt:vector>
  </TitlesOfParts>
  <Manager/>
  <Company>Orbia</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rbia21 Building &amp; Infrastructure, Wavin</dc:title>
  <dc:subject>Presentation Template</dc:subject>
  <dc:creator>Kristoff Krowchenko</dc:creator>
  <cp:keywords/>
  <dc:description/>
  <cp:revision>2</cp:revision>
  <dcterms:created xsi:type="dcterms:W3CDTF">2023-11-29T13:29:25Z</dcterms:created>
  <dcterms:modified xsi:type="dcterms:W3CDTF">2024-04-18T18:56:40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Order">
    <vt:r8>144400</vt:r8>
  </property>
  <property fmtid="{D5CDD505-2E9C-101B-9397-08002B2CF9AE}" pid="3" name="ComplianceAssetId">
    <vt:lpwstr/>
  </property>
  <property fmtid="{D5CDD505-2E9C-101B-9397-08002B2CF9AE}" pid="4" name="CustomerId">
    <vt:lpwstr>workplace</vt:lpwstr>
  </property>
  <property fmtid="{D5CDD505-2E9C-101B-9397-08002B2CF9AE}" pid="5" name="MediaServiceImageTags">
    <vt:lpwstr/>
  </property>
  <property fmtid="{D5CDD505-2E9C-101B-9397-08002B2CF9AE}" pid="6" name="TemplafyTimeStamp">
    <vt:lpwstr>2022-11-03T11:24:23</vt:lpwstr>
  </property>
  <property fmtid="{D5CDD505-2E9C-101B-9397-08002B2CF9AE}" pid="7" name="TemplafyTenantId">
    <vt:lpwstr>workplace</vt:lpwstr>
  </property>
  <property fmtid="{D5CDD505-2E9C-101B-9397-08002B2CF9AE}" pid="8" name="TemplafyTemplateId">
    <vt:lpwstr>638030714623427181</vt:lpwstr>
  </property>
  <property fmtid="{D5CDD505-2E9C-101B-9397-08002B2CF9AE}" pid="9" name="TemplafyUserProfileId">
    <vt:lpwstr>638265597782106747</vt:lpwstr>
  </property>
  <property fmtid="{D5CDD505-2E9C-101B-9397-08002B2CF9AE}" pid="10" name="TemplafyLanguageCode">
    <vt:lpwstr>en-US</vt:lpwstr>
  </property>
  <property fmtid="{D5CDD505-2E9C-101B-9397-08002B2CF9AE}" pid="11" name="TemplafyFromBlank">
    <vt:bool>true</vt:bool>
  </property>
  <property fmtid="{D5CDD505-2E9C-101B-9397-08002B2CF9AE}" pid="12" name="ContentTypeId">
    <vt:lpwstr>0x010100B92B7A313D99D041BAED4DF6DCED677C</vt:lpwstr>
  </property>
</Properties>
</file>